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fileVersion appName="xl" lastEdited="5" lowestEdited="4" rupBuild="9303"/>
  <workbookPr filterPrivacy="1" defaultThemeVersion="124226"/>
  <bookViews>
    <workbookView xWindow="840" yWindow="375" windowWidth="19155" windowHeight="7320"/>
  </bookViews>
  <sheets>
    <sheet name=" " sheetId="1"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s>
  <definedNames>
    <definedName name="◆OB規定整備">[1]入力リスト!$K$51:$K$52</definedName>
    <definedName name="◆OB就任状況">[1]入力リスト!$M$51:$M$52</definedName>
    <definedName name="◆規定整備">[1]入力リスト!$J$51:$J$52</definedName>
    <definedName name="◆支給について" localSheetId="0">[2]入力リスト!#REF!</definedName>
    <definedName name="◆支給について">[2]入力リスト!#REF!</definedName>
    <definedName name="◆実質支給">[1]入力リスト!$L$51:$L$52</definedName>
    <definedName name="a" localSheetId="0">#REF!</definedName>
    <definedName name="a">#REF!</definedName>
    <definedName name="b" localSheetId="0">#REF!</definedName>
    <definedName name="b">#REF!</definedName>
    <definedName name="Excel_BuiltIn_Print_Area" localSheetId="0">#REF!</definedName>
    <definedName name="Excel_BuiltIn_Print_Area">#REF!</definedName>
    <definedName name="_xlnm.Print_Area" localSheetId="0">' '!$A$1:$F$48</definedName>
    <definedName name="_xlnm.Print_Area">#REF!</definedName>
    <definedName name="あ">[3]入力リスト!$G$42:$M$42</definedName>
    <definedName name="こども青少年局" localSheetId="0">#REF!</definedName>
    <definedName name="こども青少年局">#REF!</definedName>
    <definedName name="さ">[4]入力リスト!$D$43:$D$44</definedName>
    <definedName name="だ">[4]入力リスト!$B$43:$B$44</definedName>
    <definedName name="ゆとりとみどり振興局" localSheetId="0">#REF!</definedName>
    <definedName name="ゆとりとみどり振興局">#REF!</definedName>
    <definedName name="環境局" localSheetId="0">#REF!</definedName>
    <definedName name="環境局">#REF!</definedName>
    <definedName name="教育委員会事務局" localSheetId="0">#REF!</definedName>
    <definedName name="教育委員会事務局">#REF!</definedName>
    <definedName name="区分_6" localSheetId="0">#REF!</definedName>
    <definedName name="区分_6">#REF!</definedName>
    <definedName name="契約管財局" localSheetId="0">#REF!</definedName>
    <definedName name="契約管財局">#REF!</definedName>
    <definedName name="経済局" localSheetId="0">#REF!</definedName>
    <definedName name="経済局">#REF!</definedName>
    <definedName name="計画調整局" localSheetId="0">#REF!</definedName>
    <definedName name="計画調整局">#REF!</definedName>
    <definedName name="健康福祉局" localSheetId="0">#REF!</definedName>
    <definedName name="健康福祉局">#REF!</definedName>
    <definedName name="建設局" localSheetId="0">#REF!</definedName>
    <definedName name="建設局">#REF!</definedName>
    <definedName name="元号リスト" localSheetId="0">[5]資料１!#REF!</definedName>
    <definedName name="元号リスト">[5]資料１!#REF!</definedName>
    <definedName name="交通局" localSheetId="0">#REF!</definedName>
    <definedName name="交通局">#REF!</definedName>
    <definedName name="港湾局" localSheetId="0">#REF!</definedName>
    <definedName name="港湾局">#REF!</definedName>
    <definedName name="合計" localSheetId="0">#REF!</definedName>
    <definedName name="合計">#REF!</definedName>
    <definedName name="市民局" localSheetId="0">#REF!</definedName>
    <definedName name="市民局">#REF!</definedName>
    <definedName name="出身母体">[2]入力リスト!$G$42:$M$42</definedName>
    <definedName name="出身母体等">[6]入力リスト!$G$42:$M$42</definedName>
    <definedName name="所属名">[2]入力リスト!$B$2:$Q$2</definedName>
    <definedName name="所属名_6" localSheetId="0">#REF!</definedName>
    <definedName name="所属名_6">#REF!</definedName>
    <definedName name="消防局" localSheetId="0">#REF!</definedName>
    <definedName name="消防局">#REF!</definedName>
    <definedName name="常勤・非常勤">[2]入力リスト!$D$43:$D$44</definedName>
    <definedName name="水道局" localSheetId="0">#REF!</definedName>
    <definedName name="水道局">#REF!</definedName>
    <definedName name="政策企画室" localSheetId="0">#REF!</definedName>
    <definedName name="政策企画室">#REF!</definedName>
    <definedName name="退職金">[2]入力リスト!$O$43:$O$44</definedName>
    <definedName name="退職金２">[7]入力リスト!$O$43:$O$44</definedName>
    <definedName name="代表者">[8]データ!$B$4:$B$31</definedName>
    <definedName name="団体データ">[9]入力リスト!$C$43:$H$160</definedName>
    <definedName name="団体名">[10]データ!$B$4:$B$42</definedName>
    <definedName name="団体名_6" localSheetId="0">#REF!</definedName>
    <definedName name="団体名_6">#REF!</definedName>
    <definedName name="団体名_8">[11]データ!$B$4:$B$94</definedName>
    <definedName name="都市整備局" localSheetId="0">#REF!</definedName>
    <definedName name="都市整備局">#REF!</definedName>
    <definedName name="役員">[12]入力リスト!$B$43:$B$44</definedName>
    <definedName name="役員区分">[2]入力リスト!$B$43:$B$44</definedName>
    <definedName name="役員名簿">[13]入力リスト!$B$43:$B$44</definedName>
  </definedNames>
  <calcPr calcId="145621"/>
</workbook>
</file>

<file path=xl/sharedStrings.xml><?xml version="1.0" encoding="utf-8"?>
<sst xmlns="http://schemas.openxmlformats.org/spreadsheetml/2006/main" count="88" uniqueCount="66">
  <si>
    <t>報酬
区分</t>
    <rPh sb="0" eb="2">
      <t>ホウシュウ</t>
    </rPh>
    <rPh sb="3" eb="5">
      <t>クブン</t>
    </rPh>
    <phoneticPr fontId="4"/>
  </si>
  <si>
    <t>役　職</t>
    <rPh sb="0" eb="1">
      <t>ヤク</t>
    </rPh>
    <rPh sb="2" eb="3">
      <t>ショク</t>
    </rPh>
    <phoneticPr fontId="4"/>
  </si>
  <si>
    <t>会長・社長・理事長
副社長・専務（代表権のある場合）</t>
    <rPh sb="0" eb="2">
      <t>カイチョウ</t>
    </rPh>
    <rPh sb="3" eb="5">
      <t>シャチョウ</t>
    </rPh>
    <rPh sb="6" eb="9">
      <t>リジチョウ</t>
    </rPh>
    <rPh sb="10" eb="13">
      <t>フクシャチョウ</t>
    </rPh>
    <rPh sb="14" eb="16">
      <t>センム</t>
    </rPh>
    <rPh sb="17" eb="19">
      <t>ダイヒョウ</t>
    </rPh>
    <rPh sb="19" eb="20">
      <t>ケン</t>
    </rPh>
    <rPh sb="23" eb="25">
      <t>バアイ</t>
    </rPh>
    <phoneticPr fontId="4"/>
  </si>
  <si>
    <t>副社長・専務・常務</t>
    <rPh sb="0" eb="3">
      <t>フクシャチョウ</t>
    </rPh>
    <rPh sb="4" eb="6">
      <t>センム</t>
    </rPh>
    <rPh sb="7" eb="9">
      <t>ジョウム</t>
    </rPh>
    <phoneticPr fontId="4"/>
  </si>
  <si>
    <t>取締役・理事・監査役・監事</t>
    <rPh sb="0" eb="3">
      <t>トリシマリヤク</t>
    </rPh>
    <rPh sb="4" eb="6">
      <t>リジ</t>
    </rPh>
    <rPh sb="7" eb="10">
      <t>カンサヤク</t>
    </rPh>
    <rPh sb="11" eb="13">
      <t>カンジ</t>
    </rPh>
    <phoneticPr fontId="4"/>
  </si>
  <si>
    <t>Ⅰ</t>
    <phoneticPr fontId="4"/>
  </si>
  <si>
    <t>１，０００万円</t>
    <rPh sb="5" eb="7">
      <t>マンエン</t>
    </rPh>
    <phoneticPr fontId="4"/>
  </si>
  <si>
    <t>＋１００万円</t>
    <rPh sb="4" eb="6">
      <t>マンエン</t>
    </rPh>
    <phoneticPr fontId="4"/>
  </si>
  <si>
    <t>８００万円</t>
    <rPh sb="3" eb="5">
      <t>マンエン</t>
    </rPh>
    <phoneticPr fontId="4"/>
  </si>
  <si>
    <t>７００万円</t>
    <rPh sb="3" eb="5">
      <t>マンエン</t>
    </rPh>
    <phoneticPr fontId="4"/>
  </si>
  <si>
    <t>Ⅱ</t>
    <phoneticPr fontId="4"/>
  </si>
  <si>
    <t>９００万円</t>
    <rPh sb="3" eb="5">
      <t>マンエン</t>
    </rPh>
    <phoneticPr fontId="4"/>
  </si>
  <si>
    <t>±０</t>
    <phoneticPr fontId="4"/>
  </si>
  <si>
    <t>７２０万円</t>
    <rPh sb="3" eb="5">
      <t>マンエン</t>
    </rPh>
    <phoneticPr fontId="4"/>
  </si>
  <si>
    <t>６３０万円</t>
    <rPh sb="3" eb="5">
      <t>マンエン</t>
    </rPh>
    <phoneticPr fontId="4"/>
  </si>
  <si>
    <t>Ⅲ</t>
    <phoneticPr fontId="4"/>
  </si>
  <si>
    <t>－１００万円</t>
    <rPh sb="4" eb="6">
      <t>マンエン</t>
    </rPh>
    <phoneticPr fontId="4"/>
  </si>
  <si>
    <t>６４０万円</t>
    <rPh sb="3" eb="5">
      <t>マンエン</t>
    </rPh>
    <phoneticPr fontId="4"/>
  </si>
  <si>
    <t>５６０万円</t>
    <rPh sb="3" eb="5">
      <t>マンエン</t>
    </rPh>
    <phoneticPr fontId="4"/>
  </si>
  <si>
    <t>【報酬区分の決め方】</t>
    <rPh sb="1" eb="3">
      <t>ホウシュウ</t>
    </rPh>
    <rPh sb="3" eb="5">
      <t>クブン</t>
    </rPh>
    <rPh sb="6" eb="7">
      <t>キ</t>
    </rPh>
    <rPh sb="8" eb="9">
      <t>カタ</t>
    </rPh>
    <phoneticPr fontId="4"/>
  </si>
  <si>
    <t>＜株式会社＞</t>
    <rPh sb="1" eb="5">
      <t>カブシキガイシャ</t>
    </rPh>
    <phoneticPr fontId="3"/>
  </si>
  <si>
    <t>常勤役職員数</t>
  </si>
  <si>
    <t>総事業費</t>
  </si>
  <si>
    <t>法人の規模を客観的に表し、役員の業務管理・労務管理上の職責の重さ</t>
  </si>
  <si>
    <t>法人の事業規模を客観的に表し、役員の財務管理上の職責の重さ</t>
  </si>
  <si>
    <t>法人の経営改善計画の策定・実施や事業の見直しなど経営改革に係る重要課題の処理に係る困難度</t>
  </si>
  <si>
    <t>100人以上　⇒　20点</t>
  </si>
  <si>
    <t>100億円以上　⇒　20点</t>
    <phoneticPr fontId="4"/>
  </si>
  <si>
    <t xml:space="preserve"> 50％未満　　　　   ⇒20点</t>
    <rPh sb="4" eb="6">
      <t>ミマン</t>
    </rPh>
    <phoneticPr fontId="3"/>
  </si>
  <si>
    <r>
      <rPr>
        <b/>
        <sz val="11"/>
        <rFont val="ＭＳ Ｐ明朝"/>
        <family val="1"/>
        <charset val="128"/>
      </rPr>
      <t>2項目</t>
    </r>
    <r>
      <rPr>
        <sz val="11"/>
        <rFont val="ＭＳ Ｐ明朝"/>
        <family val="1"/>
        <charset val="128"/>
      </rPr>
      <t>抽出し、それぞれを評価</t>
    </r>
    <rPh sb="1" eb="3">
      <t>コウモク</t>
    </rPh>
    <rPh sb="3" eb="5">
      <t>チュウシュツ</t>
    </rPh>
    <rPh sb="12" eb="14">
      <t>ヒョウカ</t>
    </rPh>
    <phoneticPr fontId="4"/>
  </si>
  <si>
    <t xml:space="preserve"> 50人以上　⇒　15点</t>
  </si>
  <si>
    <t xml:space="preserve"> 50億円以上　⇒　15点</t>
    <phoneticPr fontId="4"/>
  </si>
  <si>
    <t xml:space="preserve"> 50％以上  90％未満 ⇒15点</t>
    <rPh sb="11" eb="13">
      <t>ミマン</t>
    </rPh>
    <phoneticPr fontId="3"/>
  </si>
  <si>
    <t xml:space="preserve"> 10人以上　⇒　10点</t>
  </si>
  <si>
    <t xml:space="preserve"> 10億円以上　⇒　10点</t>
  </si>
  <si>
    <t xml:space="preserve"> 90％以上 110％未満 ⇒10点</t>
    <rPh sb="4" eb="6">
      <t>イジョウ</t>
    </rPh>
    <rPh sb="11" eb="13">
      <t>ミマン</t>
    </rPh>
    <phoneticPr fontId="3"/>
  </si>
  <si>
    <t>極めて困難度が高い⇒20点</t>
    <phoneticPr fontId="4"/>
  </si>
  <si>
    <t xml:space="preserve"> 10人未満　⇒　 5点</t>
  </si>
  <si>
    <t xml:space="preserve"> 10億円未満　⇒　 5点</t>
  </si>
  <si>
    <t>110％以上      　　 ⇒ 5点</t>
    <rPh sb="4" eb="6">
      <t>イジョウ</t>
    </rPh>
    <phoneticPr fontId="3"/>
  </si>
  <si>
    <t xml:space="preserve">    困難度が高い　⇒10点</t>
    <phoneticPr fontId="4"/>
  </si>
  <si>
    <t xml:space="preserve">  困難度が高くない⇒ 5点</t>
    <phoneticPr fontId="3"/>
  </si>
  <si>
    <t>＜株式会社以外＞</t>
    <rPh sb="1" eb="5">
      <t>カブシキガイシャ</t>
    </rPh>
    <rPh sb="5" eb="7">
      <t>イガイ</t>
    </rPh>
    <phoneticPr fontId="3"/>
  </si>
  <si>
    <r>
      <t xml:space="preserve">市からの補助金・委託料収入依存度
</t>
    </r>
    <r>
      <rPr>
        <sz val="10"/>
        <rFont val="ＭＳ 明朝"/>
        <family val="1"/>
        <charset val="128"/>
      </rPr>
      <t>【（当期収入中本市補助金等＋随意契約本市委託料）
／当期収入総額×100】</t>
    </r>
    <rPh sb="0" eb="1">
      <t>シ</t>
    </rPh>
    <rPh sb="4" eb="7">
      <t>ホジョキン</t>
    </rPh>
    <rPh sb="8" eb="11">
      <t>イタクリョウ</t>
    </rPh>
    <rPh sb="11" eb="13">
      <t>シュウニュウ</t>
    </rPh>
    <rPh sb="13" eb="16">
      <t>イゾンド</t>
    </rPh>
    <rPh sb="19" eb="21">
      <t>トウキ</t>
    </rPh>
    <rPh sb="21" eb="23">
      <t>シュウニュウ</t>
    </rPh>
    <rPh sb="23" eb="24">
      <t>チュウ</t>
    </rPh>
    <rPh sb="24" eb="26">
      <t>ホンシ</t>
    </rPh>
    <rPh sb="26" eb="29">
      <t>ホジョキン</t>
    </rPh>
    <rPh sb="29" eb="30">
      <t>トウ</t>
    </rPh>
    <rPh sb="31" eb="33">
      <t>ズイイ</t>
    </rPh>
    <rPh sb="33" eb="35">
      <t>ケイヤク</t>
    </rPh>
    <rPh sb="35" eb="37">
      <t>ホンシ</t>
    </rPh>
    <rPh sb="37" eb="40">
      <t>イタクリョウ</t>
    </rPh>
    <rPh sb="43" eb="45">
      <t>トウキ</t>
    </rPh>
    <rPh sb="45" eb="47">
      <t>シュウニュウ</t>
    </rPh>
    <rPh sb="47" eb="49">
      <t>ソウガク</t>
    </rPh>
    <phoneticPr fontId="3"/>
  </si>
  <si>
    <t>通常の事業活動における収入に占める大阪市からの収入の比率であり、法人の自立性を表し、自立している法人ほど役員の裁量が大きい</t>
    <rPh sb="0" eb="2">
      <t>ツウジョウ</t>
    </rPh>
    <rPh sb="3" eb="5">
      <t>ジギョウ</t>
    </rPh>
    <rPh sb="5" eb="7">
      <t>カツドウ</t>
    </rPh>
    <rPh sb="11" eb="13">
      <t>シュウニュウ</t>
    </rPh>
    <rPh sb="14" eb="15">
      <t>シ</t>
    </rPh>
    <rPh sb="17" eb="20">
      <t>オオサカシ</t>
    </rPh>
    <rPh sb="23" eb="25">
      <t>シュウニュウ</t>
    </rPh>
    <rPh sb="26" eb="28">
      <t>ヒリツ</t>
    </rPh>
    <rPh sb="32" eb="34">
      <t>ホウジン</t>
    </rPh>
    <rPh sb="35" eb="37">
      <t>ジリツ</t>
    </rPh>
    <rPh sb="37" eb="38">
      <t>セイ</t>
    </rPh>
    <rPh sb="39" eb="40">
      <t>アラワ</t>
    </rPh>
    <rPh sb="42" eb="44">
      <t>ジリツ</t>
    </rPh>
    <rPh sb="48" eb="50">
      <t>ホウジン</t>
    </rPh>
    <rPh sb="52" eb="54">
      <t>ヤクイン</t>
    </rPh>
    <rPh sb="55" eb="57">
      <t>サイリョウ</t>
    </rPh>
    <rPh sb="58" eb="59">
      <t>オオ</t>
    </rPh>
    <phoneticPr fontId="3"/>
  </si>
  <si>
    <t xml:space="preserve"> 0％         　　⇒　20点</t>
    <phoneticPr fontId="3"/>
  </si>
  <si>
    <t>10％未満   　  　⇒  15点</t>
    <rPh sb="3" eb="5">
      <t>ミマン</t>
    </rPh>
    <phoneticPr fontId="3"/>
  </si>
  <si>
    <t>10％以上50％未満 ⇒　10点</t>
    <rPh sb="8" eb="10">
      <t>ミマン</t>
    </rPh>
    <phoneticPr fontId="3"/>
  </si>
  <si>
    <t>50％以上　　　　 ⇒　 5点</t>
    <rPh sb="3" eb="5">
      <t>イジョウ</t>
    </rPh>
    <phoneticPr fontId="3"/>
  </si>
  <si>
    <t>７５点以上</t>
    <rPh sb="2" eb="5">
      <t>テンイジョウ</t>
    </rPh>
    <phoneticPr fontId="4"/>
  </si>
  <si>
    <t>５５点以上</t>
    <rPh sb="2" eb="5">
      <t>テンイジョウ</t>
    </rPh>
    <phoneticPr fontId="4"/>
  </si>
  <si>
    <t>５５点未満</t>
    <rPh sb="2" eb="3">
      <t>テン</t>
    </rPh>
    <rPh sb="3" eb="5">
      <t>ミマン</t>
    </rPh>
    <phoneticPr fontId="4"/>
  </si>
  <si>
    <t>経営に係る重要課題</t>
    <rPh sb="5" eb="7">
      <t>ジュウヨウ</t>
    </rPh>
    <phoneticPr fontId="4"/>
  </si>
  <si>
    <t>法人の通常の営業活動の成長度を表し、低成長の法人の役員ほど困難度が高い（今回は事業計画書の目標値から算出）</t>
    <rPh sb="0" eb="2">
      <t>ホウジン</t>
    </rPh>
    <rPh sb="3" eb="5">
      <t>ツウジョウ</t>
    </rPh>
    <rPh sb="11" eb="13">
      <t>セイチョウ</t>
    </rPh>
    <rPh sb="13" eb="14">
      <t>ド</t>
    </rPh>
    <rPh sb="15" eb="16">
      <t>アラワ</t>
    </rPh>
    <rPh sb="18" eb="21">
      <t>テイセイチョウ</t>
    </rPh>
    <rPh sb="22" eb="24">
      <t>ホウジン</t>
    </rPh>
    <rPh sb="25" eb="27">
      <t>ヤクイン</t>
    </rPh>
    <rPh sb="29" eb="31">
      <t>コンナン</t>
    </rPh>
    <rPh sb="31" eb="32">
      <t>ド</t>
    </rPh>
    <rPh sb="33" eb="34">
      <t>タカ</t>
    </rPh>
    <rPh sb="39" eb="41">
      <t>ジギョウ</t>
    </rPh>
    <rPh sb="41" eb="43">
      <t>ケイカク</t>
    </rPh>
    <rPh sb="43" eb="44">
      <t>ショ</t>
    </rPh>
    <rPh sb="45" eb="48">
      <t>モクヒョウチ</t>
    </rPh>
    <phoneticPr fontId="3"/>
  </si>
  <si>
    <r>
      <t xml:space="preserve">経常利益推移率
</t>
    </r>
    <r>
      <rPr>
        <sz val="9"/>
        <rFont val="ＭＳ 明朝"/>
        <family val="1"/>
        <charset val="128"/>
      </rPr>
      <t>【当年度経常利益／前年度経常利益】</t>
    </r>
    <rPh sb="0" eb="2">
      <t>ケイジョウ</t>
    </rPh>
    <rPh sb="2" eb="4">
      <t>リエキ</t>
    </rPh>
    <rPh sb="4" eb="6">
      <t>スイイ</t>
    </rPh>
    <rPh sb="6" eb="7">
      <t>リツ</t>
    </rPh>
    <rPh sb="9" eb="12">
      <t>トウネンド</t>
    </rPh>
    <rPh sb="12" eb="14">
      <t>ケイジョウ</t>
    </rPh>
    <rPh sb="14" eb="16">
      <t>リエキ</t>
    </rPh>
    <rPh sb="17" eb="20">
      <t>ゼンネンド</t>
    </rPh>
    <rPh sb="20" eb="22">
      <t>ケイジョウ</t>
    </rPh>
    <rPh sb="22" eb="24">
      <t>リエキ</t>
    </rPh>
    <phoneticPr fontId="3"/>
  </si>
  <si>
    <t>外郭団体数</t>
    <rPh sb="0" eb="2">
      <t>ガイカク</t>
    </rPh>
    <rPh sb="2" eb="4">
      <t>ダンタイ</t>
    </rPh>
    <rPh sb="4" eb="5">
      <t>スウ</t>
    </rPh>
    <phoneticPr fontId="3"/>
  </si>
  <si>
    <t>常勤役員ポスト数</t>
    <rPh sb="0" eb="2">
      <t>ジョウキン</t>
    </rPh>
    <rPh sb="2" eb="4">
      <t>ヤクイン</t>
    </rPh>
    <rPh sb="7" eb="8">
      <t>スウ</t>
    </rPh>
    <phoneticPr fontId="3"/>
  </si>
  <si>
    <t>うち市ＯＢ職員ポスト数</t>
    <rPh sb="2" eb="3">
      <t>シ</t>
    </rPh>
    <rPh sb="5" eb="7">
      <t>ショクイン</t>
    </rPh>
    <rPh sb="10" eb="11">
      <t>スウ</t>
    </rPh>
    <phoneticPr fontId="3"/>
  </si>
  <si>
    <t>うち市派遣職員ポスト数</t>
    <rPh sb="2" eb="3">
      <t>シ</t>
    </rPh>
    <rPh sb="3" eb="5">
      <t>ハケン</t>
    </rPh>
    <rPh sb="5" eb="7">
      <t>ショクイン</t>
    </rPh>
    <rPh sb="10" eb="11">
      <t>スウ</t>
    </rPh>
    <phoneticPr fontId="3"/>
  </si>
  <si>
    <t>２７</t>
    <phoneticPr fontId="3"/>
  </si>
  <si>
    <t>７１</t>
    <phoneticPr fontId="3"/>
  </si>
  <si>
    <t>２６</t>
    <phoneticPr fontId="3"/>
  </si>
  <si>
    <t>１３</t>
    <phoneticPr fontId="3"/>
  </si>
  <si>
    <t>２．報酬額基準</t>
    <rPh sb="2" eb="4">
      <t>ホウシュウ</t>
    </rPh>
    <rPh sb="4" eb="5">
      <t>ガク</t>
    </rPh>
    <rPh sb="5" eb="7">
      <t>キジュン</t>
    </rPh>
    <phoneticPr fontId="3"/>
  </si>
  <si>
    <t>大阪市外郭団体の役員報酬額基準</t>
    <rPh sb="0" eb="3">
      <t>オオサカシ</t>
    </rPh>
    <rPh sb="3" eb="5">
      <t>ガイカク</t>
    </rPh>
    <rPh sb="5" eb="7">
      <t>ダンタイ</t>
    </rPh>
    <rPh sb="8" eb="10">
      <t>ヤクイン</t>
    </rPh>
    <rPh sb="10" eb="12">
      <t>ホウシュウ</t>
    </rPh>
    <rPh sb="12" eb="13">
      <t>ガク</t>
    </rPh>
    <rPh sb="13" eb="15">
      <t>キジュン</t>
    </rPh>
    <phoneticPr fontId="4"/>
  </si>
  <si>
    <t>１．外郭団体数及び常勤役員ポスト数（Ｈ28．７．１時点）</t>
    <rPh sb="2" eb="4">
      <t>ガイカク</t>
    </rPh>
    <rPh sb="4" eb="6">
      <t>ダンタイ</t>
    </rPh>
    <rPh sb="6" eb="7">
      <t>スウ</t>
    </rPh>
    <rPh sb="7" eb="8">
      <t>オヨ</t>
    </rPh>
    <rPh sb="9" eb="11">
      <t>ジョウキン</t>
    </rPh>
    <rPh sb="11" eb="13">
      <t>ヤクイン</t>
    </rPh>
    <rPh sb="16" eb="17">
      <t>スウ</t>
    </rPh>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0;&quot;-&quot;"/>
  </numFmts>
  <fonts count="24">
    <font>
      <sz val="11"/>
      <color theme="1"/>
      <name val="ＭＳ Ｐゴシック"/>
      <family val="2"/>
      <charset val="128"/>
      <scheme val="minor"/>
    </font>
    <font>
      <sz val="11"/>
      <color theme="1"/>
      <name val="ＭＳ Ｐゴシック"/>
      <family val="2"/>
      <charset val="128"/>
      <scheme val="minor"/>
    </font>
    <font>
      <b/>
      <sz val="12"/>
      <name val="ＭＳ Ｐゴシック"/>
      <family val="3"/>
      <charset val="128"/>
    </font>
    <font>
      <sz val="6"/>
      <name val="ＭＳ Ｐゴシック"/>
      <family val="2"/>
      <charset val="128"/>
      <scheme val="minor"/>
    </font>
    <font>
      <sz val="6"/>
      <name val="ＭＳ Ｐゴシック"/>
      <family val="3"/>
      <charset val="128"/>
    </font>
    <font>
      <b/>
      <sz val="11"/>
      <name val="ＭＳ Ｐゴシック"/>
      <family val="3"/>
      <charset val="128"/>
    </font>
    <font>
      <sz val="12"/>
      <name val="ＭＳ Ｐゴシック"/>
      <family val="3"/>
      <charset val="128"/>
    </font>
    <font>
      <b/>
      <sz val="11"/>
      <color theme="1"/>
      <name val="ＭＳ Ｐゴシック"/>
      <family val="3"/>
      <charset val="128"/>
      <scheme val="minor"/>
    </font>
    <font>
      <sz val="11"/>
      <name val="ＭＳ 明朝"/>
      <family val="1"/>
      <charset val="128"/>
    </font>
    <font>
      <sz val="10"/>
      <name val="ＭＳ 明朝"/>
      <family val="1"/>
      <charset val="128"/>
    </font>
    <font>
      <sz val="11"/>
      <name val="ＭＳ Ｐ明朝"/>
      <family val="1"/>
      <charset val="128"/>
    </font>
    <font>
      <b/>
      <sz val="11"/>
      <name val="ＭＳ Ｐ明朝"/>
      <family val="1"/>
      <charset val="128"/>
    </font>
    <font>
      <sz val="10"/>
      <color theme="1"/>
      <name val="ＭＳ Ｐゴシック"/>
      <family val="2"/>
      <charset val="128"/>
      <scheme val="minor"/>
    </font>
    <font>
      <sz val="10"/>
      <color indexed="8"/>
      <name val="Arial"/>
      <family val="2"/>
    </font>
    <font>
      <b/>
      <sz val="12"/>
      <name val="Arial"/>
      <family val="2"/>
    </font>
    <font>
      <sz val="10"/>
      <name val="Arial"/>
      <family val="2"/>
    </font>
    <font>
      <b/>
      <sz val="11"/>
      <name val="Helv"/>
      <family val="2"/>
    </font>
    <font>
      <sz val="11"/>
      <name val="ＭＳ Ｐゴシック"/>
      <family val="3"/>
      <charset val="128"/>
    </font>
    <font>
      <u/>
      <sz val="11"/>
      <color indexed="12"/>
      <name val="ＭＳ Ｐゴシック"/>
      <family val="3"/>
      <charset val="128"/>
    </font>
    <font>
      <sz val="11"/>
      <name val="ＭＳ ゴシック"/>
      <family val="3"/>
      <charset val="128"/>
    </font>
    <font>
      <sz val="14"/>
      <name val="ＭＳ 明朝"/>
      <family val="1"/>
      <charset val="128"/>
    </font>
    <font>
      <sz val="9"/>
      <name val="ＭＳ 明朝"/>
      <family val="1"/>
      <charset val="128"/>
    </font>
    <font>
      <sz val="11"/>
      <color theme="1"/>
      <name val="ＭＳ Ｐゴシック"/>
      <family val="3"/>
      <charset val="128"/>
      <scheme val="minor"/>
    </font>
    <font>
      <sz val="12"/>
      <color theme="1"/>
      <name val="ＭＳ Ｐゴシック"/>
      <family val="3"/>
      <charset val="128"/>
      <scheme val="minor"/>
    </font>
  </fonts>
  <fills count="3">
    <fill>
      <patternFill patternType="none"/>
    </fill>
    <fill>
      <patternFill patternType="gray125"/>
    </fill>
    <fill>
      <patternFill patternType="solid">
        <fgColor rgb="FFFFFF00"/>
        <bgColor indexed="64"/>
      </patternFill>
    </fill>
  </fills>
  <borders count="36">
    <border>
      <left/>
      <right/>
      <top/>
      <bottom/>
      <diagonal/>
    </border>
    <border>
      <left style="medium">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bottom style="thin">
        <color indexed="64"/>
      </bottom>
      <diagonal/>
    </border>
    <border>
      <left/>
      <right/>
      <top/>
      <bottom style="thin">
        <color indexed="64"/>
      </bottom>
      <diagonal/>
    </border>
    <border>
      <left style="dotted">
        <color indexed="64"/>
      </left>
      <right style="thin">
        <color indexed="64"/>
      </right>
      <top style="medium">
        <color indexed="64"/>
      </top>
      <bottom style="thin">
        <color indexed="64"/>
      </bottom>
      <diagonal/>
    </border>
    <border>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top style="thin">
        <color indexed="64"/>
      </top>
      <bottom style="medium">
        <color indexed="64"/>
      </bottom>
      <diagonal/>
    </border>
    <border>
      <left style="dotted">
        <color indexed="64"/>
      </left>
      <right style="thin">
        <color indexed="64"/>
      </right>
      <top style="thin">
        <color indexed="64"/>
      </top>
      <bottom style="medium">
        <color indexed="64"/>
      </bottom>
      <diagonal/>
    </border>
    <border>
      <left style="dotted">
        <color indexed="64"/>
      </left>
      <right/>
      <top style="medium">
        <color indexed="64"/>
      </top>
      <bottom style="dotted">
        <color indexed="64"/>
      </bottom>
      <diagonal/>
    </border>
    <border>
      <left/>
      <right style="dotted">
        <color indexed="64"/>
      </right>
      <top style="medium">
        <color indexed="64"/>
      </top>
      <bottom style="dotted">
        <color indexed="64"/>
      </bottom>
      <diagonal/>
    </border>
    <border>
      <left style="dotted">
        <color indexed="64"/>
      </left>
      <right style="dotted">
        <color indexed="64"/>
      </right>
      <top style="medium">
        <color indexed="64"/>
      </top>
      <bottom style="dotted">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thin">
        <color indexed="64"/>
      </right>
      <top/>
      <bottom style="thin">
        <color indexed="64"/>
      </bottom>
      <diagonal/>
    </border>
    <border>
      <left/>
      <right/>
      <top style="medium">
        <color indexed="64"/>
      </top>
      <bottom style="medium">
        <color indexed="64"/>
      </bottom>
      <diagonal/>
    </border>
    <border>
      <left style="thin">
        <color auto="1"/>
      </left>
      <right style="thin">
        <color auto="1"/>
      </right>
      <top style="medium">
        <color auto="1"/>
      </top>
      <bottom style="medium">
        <color auto="1"/>
      </bottom>
      <diagonal/>
    </border>
    <border>
      <left style="medium">
        <color auto="1"/>
      </left>
      <right/>
      <top style="medium">
        <color auto="1"/>
      </top>
      <bottom style="medium">
        <color auto="1"/>
      </bottom>
      <diagonal/>
    </border>
    <border>
      <left/>
      <right style="medium">
        <color auto="1"/>
      </right>
      <top style="medium">
        <color auto="1"/>
      </top>
      <bottom style="medium">
        <color auto="1"/>
      </bottom>
      <diagonal/>
    </border>
  </borders>
  <cellStyleXfs count="23">
    <xf numFmtId="0" fontId="0" fillId="0" borderId="0">
      <alignment vertical="center"/>
    </xf>
    <xf numFmtId="176" fontId="13" fillId="0" borderId="0" applyFill="0" applyBorder="0" applyAlignment="0"/>
    <xf numFmtId="0" fontId="14" fillId="0" borderId="32" applyNumberFormat="0" applyAlignment="0" applyProtection="0">
      <alignment horizontal="left" vertical="center"/>
    </xf>
    <xf numFmtId="0" fontId="14" fillId="0" borderId="16">
      <alignment horizontal="left" vertical="center"/>
    </xf>
    <xf numFmtId="0" fontId="15" fillId="0" borderId="0"/>
    <xf numFmtId="0" fontId="16" fillId="0" borderId="0"/>
    <xf numFmtId="9" fontId="17" fillId="0" borderId="0" applyFont="0" applyFill="0" applyBorder="0" applyAlignment="0" applyProtection="0"/>
    <xf numFmtId="9" fontId="17" fillId="0" borderId="0" applyFont="0" applyFill="0" applyBorder="0" applyAlignment="0" applyProtection="0">
      <alignment vertical="center"/>
    </xf>
    <xf numFmtId="0" fontId="18" fillId="0" borderId="0" applyNumberFormat="0" applyFill="0" applyBorder="0" applyProtection="0">
      <alignment vertical="center"/>
    </xf>
    <xf numFmtId="38" fontId="17" fillId="0" borderId="0" applyFont="0" applyFill="0" applyBorder="0" applyAlignment="0" applyProtection="0">
      <alignment vertical="center"/>
    </xf>
    <xf numFmtId="38" fontId="17" fillId="0" borderId="0" applyFont="0" applyFill="0" applyBorder="0" applyAlignment="0" applyProtection="0"/>
    <xf numFmtId="38" fontId="19" fillId="0" borderId="0" applyFont="0" applyFill="0" applyBorder="0" applyAlignment="0" applyProtection="0">
      <alignment vertical="center"/>
    </xf>
    <xf numFmtId="38" fontId="17" fillId="0" borderId="0" applyFont="0" applyFill="0" applyBorder="0" applyAlignment="0" applyProtection="0"/>
    <xf numFmtId="38" fontId="17" fillId="0" borderId="0" applyFill="0" applyBorder="0" applyProtection="0">
      <alignment vertical="center"/>
    </xf>
    <xf numFmtId="38" fontId="1" fillId="0" borderId="0" applyFont="0" applyFill="0" applyBorder="0" applyAlignment="0" applyProtection="0">
      <alignment vertical="center"/>
    </xf>
    <xf numFmtId="0" fontId="17" fillId="0" borderId="0">
      <alignment vertical="center"/>
    </xf>
    <xf numFmtId="0" fontId="19" fillId="0" borderId="0">
      <alignment vertical="center"/>
    </xf>
    <xf numFmtId="0" fontId="8" fillId="0" borderId="0">
      <alignment vertical="center"/>
    </xf>
    <xf numFmtId="0" fontId="17" fillId="0" borderId="0"/>
    <xf numFmtId="0" fontId="8" fillId="0" borderId="0">
      <alignment vertical="center"/>
    </xf>
    <xf numFmtId="0" fontId="17" fillId="0" borderId="0"/>
    <xf numFmtId="0" fontId="1" fillId="0" borderId="0">
      <alignment vertical="center"/>
    </xf>
    <xf numFmtId="1" fontId="20" fillId="0" borderId="0"/>
  </cellStyleXfs>
  <cellXfs count="71">
    <xf numFmtId="0" fontId="0" fillId="0" borderId="0" xfId="0">
      <alignment vertical="center"/>
    </xf>
    <xf numFmtId="0" fontId="2" fillId="0" borderId="0" xfId="0" applyFont="1" applyAlignment="1">
      <alignment horizontal="center" vertical="center"/>
    </xf>
    <xf numFmtId="0" fontId="5" fillId="0" borderId="8" xfId="0" applyFont="1" applyBorder="1" applyAlignment="1">
      <alignment horizontal="center" vertical="center"/>
    </xf>
    <xf numFmtId="0" fontId="5" fillId="0" borderId="9" xfId="0" applyFont="1" applyBorder="1" applyAlignment="1">
      <alignment horizontal="center" vertical="center"/>
    </xf>
    <xf numFmtId="0" fontId="2" fillId="0" borderId="10" xfId="0" applyFont="1" applyBorder="1" applyAlignment="1">
      <alignment horizontal="center" vertical="center"/>
    </xf>
    <xf numFmtId="0" fontId="6" fillId="0" borderId="11" xfId="0" applyFont="1" applyBorder="1" applyAlignment="1">
      <alignment horizontal="center" vertical="center"/>
    </xf>
    <xf numFmtId="0" fontId="0" fillId="0" borderId="12" xfId="0" quotePrefix="1" applyFill="1" applyBorder="1" applyAlignment="1">
      <alignment horizontal="center" vertical="center"/>
    </xf>
    <xf numFmtId="0" fontId="6" fillId="0" borderId="13" xfId="0" applyFont="1" applyBorder="1" applyAlignment="1">
      <alignment horizontal="center" vertical="center"/>
    </xf>
    <xf numFmtId="0" fontId="6" fillId="0" borderId="14" xfId="0" applyFont="1" applyBorder="1" applyAlignment="1">
      <alignment horizontal="center" vertical="center"/>
    </xf>
    <xf numFmtId="0" fontId="6" fillId="0" borderId="0" xfId="0" quotePrefix="1" applyFont="1" applyFill="1" applyBorder="1" applyAlignment="1">
      <alignment horizontal="right" vertical="center"/>
    </xf>
    <xf numFmtId="0" fontId="2" fillId="2" borderId="15" xfId="0" applyFont="1" applyFill="1" applyBorder="1" applyAlignment="1">
      <alignment horizontal="center" vertical="center"/>
    </xf>
    <xf numFmtId="0" fontId="6" fillId="2" borderId="16" xfId="0" applyFont="1" applyFill="1" applyBorder="1" applyAlignment="1">
      <alignment horizontal="center" vertical="center"/>
    </xf>
    <xf numFmtId="0" fontId="0" fillId="2" borderId="17" xfId="0" applyFill="1" applyBorder="1" applyAlignment="1">
      <alignment horizontal="center" vertical="center"/>
    </xf>
    <xf numFmtId="0" fontId="6" fillId="2" borderId="18" xfId="0" applyFont="1" applyFill="1" applyBorder="1" applyAlignment="1">
      <alignment horizontal="center" vertical="center"/>
    </xf>
    <xf numFmtId="0" fontId="6" fillId="2" borderId="19" xfId="0" applyFont="1" applyFill="1" applyBorder="1" applyAlignment="1">
      <alignment horizontal="center" vertical="center"/>
    </xf>
    <xf numFmtId="0" fontId="0" fillId="0" borderId="0" xfId="0" applyAlignment="1">
      <alignment horizontal="right" vertical="center"/>
    </xf>
    <xf numFmtId="0" fontId="2" fillId="0" borderId="20" xfId="0" applyFont="1" applyBorder="1" applyAlignment="1">
      <alignment horizontal="center" vertical="center"/>
    </xf>
    <xf numFmtId="0" fontId="6" fillId="0" borderId="21" xfId="0" applyFont="1" applyBorder="1" applyAlignment="1">
      <alignment horizontal="center" vertical="center"/>
    </xf>
    <xf numFmtId="0" fontId="0" fillId="0" borderId="22" xfId="0" quotePrefix="1" applyFill="1" applyBorder="1" applyAlignment="1">
      <alignment horizontal="center" vertical="center"/>
    </xf>
    <xf numFmtId="0" fontId="6" fillId="0" borderId="7" xfId="0" applyFont="1" applyBorder="1" applyAlignment="1">
      <alignment horizontal="center" vertical="center"/>
    </xf>
    <xf numFmtId="0" fontId="6" fillId="0" borderId="9" xfId="0" applyFont="1" applyBorder="1" applyAlignment="1">
      <alignment horizontal="center" vertical="center"/>
    </xf>
    <xf numFmtId="0" fontId="0" fillId="0" borderId="0" xfId="0" applyAlignment="1">
      <alignment horizontal="center" vertical="center"/>
    </xf>
    <xf numFmtId="9" fontId="0" fillId="0" borderId="23" xfId="0" applyNumberFormat="1" applyBorder="1" applyAlignment="1">
      <alignment horizontal="center" vertical="center"/>
    </xf>
    <xf numFmtId="9" fontId="0" fillId="0" borderId="24" xfId="0" applyNumberFormat="1" applyBorder="1" applyAlignment="1">
      <alignment horizontal="center" vertical="center"/>
    </xf>
    <xf numFmtId="9" fontId="0" fillId="0" borderId="25" xfId="0" applyNumberFormat="1" applyBorder="1" applyAlignment="1">
      <alignment horizontal="center" vertical="center"/>
    </xf>
    <xf numFmtId="9" fontId="0" fillId="0" borderId="0" xfId="0" applyNumberFormat="1" applyBorder="1" applyAlignment="1">
      <alignment horizontal="center" vertical="center"/>
    </xf>
    <xf numFmtId="0" fontId="5" fillId="0" borderId="0" xfId="0" applyFont="1" applyAlignment="1">
      <alignment horizontal="left" vertical="center"/>
    </xf>
    <xf numFmtId="9" fontId="7" fillId="0" borderId="0" xfId="0" applyNumberFormat="1" applyFont="1" applyBorder="1" applyAlignment="1">
      <alignment horizontal="left" vertical="center"/>
    </xf>
    <xf numFmtId="0" fontId="8" fillId="0" borderId="26" xfId="0" applyFont="1" applyBorder="1" applyAlignment="1">
      <alignment horizontal="center" vertical="center" wrapText="1"/>
    </xf>
    <xf numFmtId="0" fontId="8" fillId="0" borderId="26" xfId="0" applyFont="1" applyBorder="1" applyAlignment="1">
      <alignment horizontal="left" vertical="top" wrapText="1"/>
    </xf>
    <xf numFmtId="0" fontId="8" fillId="0" borderId="26" xfId="0" applyFont="1" applyFill="1" applyBorder="1" applyAlignment="1">
      <alignment horizontal="left" vertical="top" wrapText="1"/>
    </xf>
    <xf numFmtId="0" fontId="8" fillId="0" borderId="27" xfId="0" applyFont="1" applyBorder="1" applyAlignment="1">
      <alignment horizontal="center" vertical="top" wrapText="1"/>
    </xf>
    <xf numFmtId="0" fontId="8" fillId="0" borderId="28" xfId="0" applyFont="1" applyBorder="1" applyAlignment="1">
      <alignment horizontal="center" vertical="top" wrapText="1"/>
    </xf>
    <xf numFmtId="0" fontId="8" fillId="0" borderId="28" xfId="0" applyFont="1" applyFill="1" applyBorder="1" applyAlignment="1">
      <alignment horizontal="center" vertical="top" wrapText="1"/>
    </xf>
    <xf numFmtId="0" fontId="10" fillId="0" borderId="29" xfId="0" applyFont="1" applyBorder="1" applyAlignment="1">
      <alignment horizontal="center" vertical="center" wrapText="1"/>
    </xf>
    <xf numFmtId="0" fontId="8" fillId="0" borderId="30" xfId="0" applyFont="1" applyBorder="1" applyAlignment="1">
      <alignment horizontal="center" vertical="top" wrapText="1"/>
    </xf>
    <xf numFmtId="0" fontId="8" fillId="0" borderId="29" xfId="0" applyFont="1" applyBorder="1" applyAlignment="1">
      <alignment horizontal="center" vertical="top" wrapText="1"/>
    </xf>
    <xf numFmtId="0" fontId="8" fillId="0" borderId="29" xfId="0" applyFont="1" applyFill="1" applyBorder="1" applyAlignment="1">
      <alignment horizontal="center" vertical="top" wrapText="1"/>
    </xf>
    <xf numFmtId="0" fontId="0" fillId="0" borderId="29" xfId="0" applyBorder="1" applyAlignment="1">
      <alignment vertical="top" wrapText="1"/>
    </xf>
    <xf numFmtId="0" fontId="0" fillId="0" borderId="29" xfId="0" applyBorder="1">
      <alignment vertical="center"/>
    </xf>
    <xf numFmtId="0" fontId="8" fillId="0" borderId="31" xfId="0" applyFont="1" applyBorder="1" applyAlignment="1">
      <alignment horizontal="center" vertical="top" wrapText="1"/>
    </xf>
    <xf numFmtId="0" fontId="8" fillId="0" borderId="31" xfId="0" applyFont="1" applyFill="1" applyBorder="1" applyAlignment="1">
      <alignment horizontal="center" vertical="top" wrapText="1"/>
    </xf>
    <xf numFmtId="0" fontId="0" fillId="0" borderId="31" xfId="0" applyBorder="1" applyAlignment="1">
      <alignment vertical="top" wrapText="1"/>
    </xf>
    <xf numFmtId="0" fontId="0" fillId="0" borderId="29" xfId="0" applyFill="1" applyBorder="1">
      <alignment vertical="center"/>
    </xf>
    <xf numFmtId="0" fontId="2" fillId="0" borderId="26" xfId="0" applyFont="1" applyBorder="1" applyAlignment="1">
      <alignment horizontal="center" vertical="center"/>
    </xf>
    <xf numFmtId="0" fontId="7" fillId="0" borderId="26" xfId="0" applyFont="1" applyBorder="1" applyAlignment="1">
      <alignment horizontal="center" vertical="center"/>
    </xf>
    <xf numFmtId="0" fontId="2" fillId="2" borderId="26" xfId="0" applyFont="1" applyFill="1" applyBorder="1" applyAlignment="1">
      <alignment horizontal="center" vertical="center"/>
    </xf>
    <xf numFmtId="0" fontId="7" fillId="2" borderId="26" xfId="0" applyFont="1" applyFill="1" applyBorder="1" applyAlignment="1">
      <alignment horizontal="center" vertical="center"/>
    </xf>
    <xf numFmtId="0" fontId="2" fillId="0" borderId="0" xfId="0" applyFont="1" applyBorder="1" applyAlignment="1">
      <alignment horizontal="center" vertical="center"/>
    </xf>
    <xf numFmtId="0" fontId="7" fillId="0" borderId="0" xfId="0" applyFont="1" applyBorder="1" applyAlignment="1">
      <alignment horizontal="center" vertical="center"/>
    </xf>
    <xf numFmtId="0" fontId="8" fillId="0" borderId="26" xfId="0" applyFont="1" applyFill="1" applyBorder="1" applyAlignment="1">
      <alignment horizontal="center" vertical="center" wrapText="1"/>
    </xf>
    <xf numFmtId="0" fontId="0" fillId="0" borderId="0" xfId="0" applyFill="1">
      <alignment vertical="center"/>
    </xf>
    <xf numFmtId="0" fontId="2" fillId="0" borderId="0" xfId="0" applyFont="1" applyAlignment="1">
      <alignment horizontal="center" vertical="center"/>
    </xf>
    <xf numFmtId="0" fontId="2" fillId="0" borderId="0" xfId="0" applyFont="1" applyAlignment="1">
      <alignment horizontal="left" vertical="center"/>
    </xf>
    <xf numFmtId="0" fontId="5" fillId="0" borderId="0" xfId="0" applyFont="1" applyAlignment="1">
      <alignment horizontal="center" vertical="center"/>
    </xf>
    <xf numFmtId="0" fontId="22" fillId="0" borderId="0" xfId="0" applyFont="1">
      <alignment vertical="center"/>
    </xf>
    <xf numFmtId="0" fontId="2" fillId="0" borderId="34" xfId="0" applyFont="1" applyBorder="1" applyAlignment="1">
      <alignment horizontal="center" vertical="center"/>
    </xf>
    <xf numFmtId="0" fontId="2" fillId="0" borderId="33" xfId="0" applyFont="1" applyBorder="1" applyAlignment="1">
      <alignment horizontal="center" vertical="center"/>
    </xf>
    <xf numFmtId="0" fontId="2" fillId="0" borderId="35" xfId="0" applyFont="1" applyBorder="1" applyAlignment="1">
      <alignment horizontal="center" vertical="center"/>
    </xf>
    <xf numFmtId="49" fontId="6" fillId="0" borderId="34" xfId="0" applyNumberFormat="1" applyFont="1" applyBorder="1" applyAlignment="1">
      <alignment horizontal="center" vertical="center"/>
    </xf>
    <xf numFmtId="49" fontId="6" fillId="0" borderId="33" xfId="0" applyNumberFormat="1" applyFont="1" applyBorder="1" applyAlignment="1">
      <alignment horizontal="center" vertical="center"/>
    </xf>
    <xf numFmtId="49" fontId="23" fillId="0" borderId="35" xfId="0" applyNumberFormat="1" applyFont="1" applyBorder="1" applyAlignment="1">
      <alignment horizontal="center" vertical="center"/>
    </xf>
    <xf numFmtId="0" fontId="12" fillId="0" borderId="0" xfId="0" applyFont="1" applyAlignment="1">
      <alignment horizontal="left" vertical="center" wrapText="1"/>
    </xf>
    <xf numFmtId="0" fontId="2" fillId="0" borderId="0" xfId="0" applyFont="1" applyAlignment="1">
      <alignment horizontal="center" vertical="center"/>
    </xf>
    <xf numFmtId="0" fontId="5" fillId="0" borderId="1" xfId="0" applyFont="1" applyBorder="1" applyAlignment="1">
      <alignment horizontal="center" vertical="center" wrapText="1"/>
    </xf>
    <xf numFmtId="0" fontId="5" fillId="0" borderId="5" xfId="0" applyFont="1" applyBorder="1" applyAlignment="1">
      <alignment horizontal="center" vertical="center"/>
    </xf>
    <xf numFmtId="0" fontId="5" fillId="0" borderId="2" xfId="0" applyFont="1" applyBorder="1" applyAlignment="1">
      <alignment horizontal="center" vertical="center"/>
    </xf>
    <xf numFmtId="0" fontId="5" fillId="0" borderId="3" xfId="0" applyFont="1" applyBorder="1" applyAlignment="1">
      <alignment horizontal="center" vertical="center"/>
    </xf>
    <xf numFmtId="0" fontId="5" fillId="0" borderId="4" xfId="0" applyFont="1" applyBorder="1" applyAlignment="1">
      <alignment horizontal="center" vertical="center"/>
    </xf>
    <xf numFmtId="0" fontId="5" fillId="0" borderId="6" xfId="0" applyFont="1" applyBorder="1" applyAlignment="1">
      <alignment horizontal="center" vertical="center" wrapText="1"/>
    </xf>
    <xf numFmtId="0" fontId="5" fillId="0" borderId="7" xfId="0" applyFont="1" applyBorder="1" applyAlignment="1">
      <alignment horizontal="center" vertical="center" wrapText="1"/>
    </xf>
  </cellXfs>
  <cellStyles count="23">
    <cellStyle name="Calc Currency (0)" xfId="1"/>
    <cellStyle name="Header1" xfId="2"/>
    <cellStyle name="Header2" xfId="3"/>
    <cellStyle name="Normal_#18-Internet" xfId="4"/>
    <cellStyle name="subhead" xfId="5"/>
    <cellStyle name="パーセント 2" xfId="6"/>
    <cellStyle name="パーセント 3" xfId="7"/>
    <cellStyle name="ハイパーリンク 2" xfId="8"/>
    <cellStyle name="桁区切り 2" xfId="9"/>
    <cellStyle name="桁区切り 2 2" xfId="10"/>
    <cellStyle name="桁区切り 2 2 2" xfId="11"/>
    <cellStyle name="桁区切り 3" xfId="12"/>
    <cellStyle name="桁区切り 4" xfId="13"/>
    <cellStyle name="桁区切り 5" xfId="14"/>
    <cellStyle name="標準" xfId="0" builtinId="0"/>
    <cellStyle name="標準 2" xfId="15"/>
    <cellStyle name="標準 2 2" xfId="16"/>
    <cellStyle name="標準 3" xfId="17"/>
    <cellStyle name="標準 3 2" xfId="18"/>
    <cellStyle name="標準 4" xfId="19"/>
    <cellStyle name="標準 5" xfId="20"/>
    <cellStyle name="標準 6" xfId="21"/>
    <cellStyle name="未定義" xfId="2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7.xml"/><Relationship Id="rId13" Type="http://schemas.openxmlformats.org/officeDocument/2006/relationships/externalLink" Target="externalLinks/externalLink12.xml"/><Relationship Id="rId3" Type="http://schemas.openxmlformats.org/officeDocument/2006/relationships/externalLink" Target="externalLinks/externalLink2.xml"/><Relationship Id="rId7" Type="http://schemas.openxmlformats.org/officeDocument/2006/relationships/externalLink" Target="externalLinks/externalLink6.xml"/><Relationship Id="rId12" Type="http://schemas.openxmlformats.org/officeDocument/2006/relationships/externalLink" Target="externalLinks/externalLink11.xml"/><Relationship Id="rId17" Type="http://schemas.openxmlformats.org/officeDocument/2006/relationships/sharedStrings" Target="sharedStrings.xml"/><Relationship Id="rId2" Type="http://schemas.openxmlformats.org/officeDocument/2006/relationships/externalLink" Target="externalLinks/externalLink1.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externalLink" Target="externalLinks/externalLink10.xml"/><Relationship Id="rId5" Type="http://schemas.openxmlformats.org/officeDocument/2006/relationships/externalLink" Target="externalLinks/externalLink4.xml"/><Relationship Id="rId15" Type="http://schemas.openxmlformats.org/officeDocument/2006/relationships/theme" Target="theme/theme1.xml"/><Relationship Id="rId10" Type="http://schemas.openxmlformats.org/officeDocument/2006/relationships/externalLink" Target="externalLinks/externalLink9.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4" Type="http://schemas.openxmlformats.org/officeDocument/2006/relationships/externalLink" Target="externalLinks/externalLink13.xml"/></Relationships>
</file>

<file path=xl/drawings/drawing1.xml><?xml version="1.0" encoding="utf-8"?>
<xdr:wsDr xmlns:xdr="http://schemas.openxmlformats.org/drawingml/2006/spreadsheetDrawing" xmlns:a="http://schemas.openxmlformats.org/drawingml/2006/main">
  <xdr:twoCellAnchor>
    <xdr:from>
      <xdr:col>3</xdr:col>
      <xdr:colOff>1628775</xdr:colOff>
      <xdr:row>40</xdr:row>
      <xdr:rowOff>28575</xdr:rowOff>
    </xdr:from>
    <xdr:to>
      <xdr:col>4</xdr:col>
      <xdr:colOff>266700</xdr:colOff>
      <xdr:row>40</xdr:row>
      <xdr:rowOff>276225</xdr:rowOff>
    </xdr:to>
    <xdr:sp macro="" textlink="">
      <xdr:nvSpPr>
        <xdr:cNvPr id="2" name="下矢印 1"/>
        <xdr:cNvSpPr/>
      </xdr:nvSpPr>
      <xdr:spPr>
        <a:xfrm>
          <a:off x="3962400" y="10582275"/>
          <a:ext cx="457200" cy="247650"/>
        </a:xfrm>
        <a:prstGeom prst="down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clientData/>
  </xdr:twoCellAnchor>
  <xdr:twoCellAnchor>
    <xdr:from>
      <xdr:col>2</xdr:col>
      <xdr:colOff>693364</xdr:colOff>
      <xdr:row>25</xdr:row>
      <xdr:rowOff>35018</xdr:rowOff>
    </xdr:from>
    <xdr:to>
      <xdr:col>3</xdr:col>
      <xdr:colOff>1026739</xdr:colOff>
      <xdr:row>26</xdr:row>
      <xdr:rowOff>126626</xdr:rowOff>
    </xdr:to>
    <xdr:sp macro="" textlink="">
      <xdr:nvSpPr>
        <xdr:cNvPr id="4" name="角丸四角形 3"/>
        <xdr:cNvSpPr/>
      </xdr:nvSpPr>
      <xdr:spPr>
        <a:xfrm>
          <a:off x="1226764" y="5988143"/>
          <a:ext cx="2133600" cy="291633"/>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100"/>
            <a:t>外形的要素４０％</a:t>
          </a:r>
        </a:p>
      </xdr:txBody>
    </xdr:sp>
    <xdr:clientData/>
  </xdr:twoCellAnchor>
  <xdr:twoCellAnchor>
    <xdr:from>
      <xdr:col>2</xdr:col>
      <xdr:colOff>707371</xdr:colOff>
      <xdr:row>36</xdr:row>
      <xdr:rowOff>28016</xdr:rowOff>
    </xdr:from>
    <xdr:to>
      <xdr:col>3</xdr:col>
      <xdr:colOff>1040746</xdr:colOff>
      <xdr:row>37</xdr:row>
      <xdr:rowOff>112620</xdr:rowOff>
    </xdr:to>
    <xdr:sp macro="" textlink="">
      <xdr:nvSpPr>
        <xdr:cNvPr id="5" name="角丸四角形 4"/>
        <xdr:cNvSpPr/>
      </xdr:nvSpPr>
      <xdr:spPr>
        <a:xfrm>
          <a:off x="1240771" y="9505391"/>
          <a:ext cx="2133600" cy="303679"/>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100"/>
            <a:t>外形的要素４０％</a:t>
          </a:r>
        </a:p>
      </xdr:txBody>
    </xdr:sp>
    <xdr:clientData/>
  </xdr:twoCellAnchor>
  <xdr:twoCellAnchor>
    <xdr:from>
      <xdr:col>4</xdr:col>
      <xdr:colOff>287151</xdr:colOff>
      <xdr:row>36</xdr:row>
      <xdr:rowOff>28014</xdr:rowOff>
    </xdr:from>
    <xdr:to>
      <xdr:col>5</xdr:col>
      <xdr:colOff>1434353</xdr:colOff>
      <xdr:row>37</xdr:row>
      <xdr:rowOff>112618</xdr:rowOff>
    </xdr:to>
    <xdr:sp macro="" textlink="">
      <xdr:nvSpPr>
        <xdr:cNvPr id="6" name="角丸四角形 5"/>
        <xdr:cNvSpPr/>
      </xdr:nvSpPr>
      <xdr:spPr>
        <a:xfrm>
          <a:off x="4440051" y="9505389"/>
          <a:ext cx="3252227" cy="303679"/>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100"/>
            <a:t>質的要素６０％</a:t>
          </a:r>
        </a:p>
      </xdr:txBody>
    </xdr:sp>
    <xdr:clientData/>
  </xdr:twoCellAnchor>
  <xdr:twoCellAnchor>
    <xdr:from>
      <xdr:col>4</xdr:col>
      <xdr:colOff>350184</xdr:colOff>
      <xdr:row>25</xdr:row>
      <xdr:rowOff>42020</xdr:rowOff>
    </xdr:from>
    <xdr:to>
      <xdr:col>5</xdr:col>
      <xdr:colOff>1497386</xdr:colOff>
      <xdr:row>26</xdr:row>
      <xdr:rowOff>133628</xdr:rowOff>
    </xdr:to>
    <xdr:sp macro="" textlink="">
      <xdr:nvSpPr>
        <xdr:cNvPr id="7" name="角丸四角形 6"/>
        <xdr:cNvSpPr/>
      </xdr:nvSpPr>
      <xdr:spPr>
        <a:xfrm>
          <a:off x="4503084" y="5995145"/>
          <a:ext cx="3252227" cy="291633"/>
        </a:xfrm>
        <a:prstGeom prst="round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100"/>
            <a:t>質的要素６０％</a:t>
          </a:r>
        </a:p>
      </xdr:txBody>
    </xdr:sp>
    <xdr:clientData/>
  </xdr:twoCellAnchor>
  <xdr:twoCellAnchor>
    <xdr:from>
      <xdr:col>3</xdr:col>
      <xdr:colOff>1133475</xdr:colOff>
      <xdr:row>45</xdr:row>
      <xdr:rowOff>142875</xdr:rowOff>
    </xdr:from>
    <xdr:to>
      <xdr:col>4</xdr:col>
      <xdr:colOff>495300</xdr:colOff>
      <xdr:row>47</xdr:row>
      <xdr:rowOff>114300</xdr:rowOff>
    </xdr:to>
    <xdr:sp macro="" textlink="">
      <xdr:nvSpPr>
        <xdr:cNvPr id="1025" name="Rectangle 1"/>
        <xdr:cNvSpPr>
          <a:spLocks noChangeArrowheads="1"/>
        </xdr:cNvSpPr>
      </xdr:nvSpPr>
      <xdr:spPr bwMode="auto">
        <a:xfrm>
          <a:off x="3962400" y="12668250"/>
          <a:ext cx="1181100" cy="3143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txBody>
        <a:bodyPr vertOverflow="clip" wrap="square" lIns="74295" tIns="8890" rIns="74295" bIns="8890" anchor="t" upright="1"/>
        <a:lstStyle/>
        <a:p>
          <a:pPr algn="ctr" rtl="0">
            <a:defRPr sz="1000"/>
          </a:pPr>
          <a:r>
            <a:rPr lang="ja-JP" altLang="en-US" sz="1600" b="0" i="0" u="none" strike="noStrike" baseline="0">
              <a:solidFill>
                <a:srgbClr val="000000"/>
              </a:solidFill>
              <a:latin typeface="HGSｺﾞｼｯｸM"/>
              <a:ea typeface="HGSｺﾞｼｯｸM"/>
            </a:rPr>
            <a:t>― ９ ―</a:t>
          </a:r>
          <a:endParaRPr lang="ja-JP" altLang="en-US" sz="1600" b="0" i="0" u="none" strike="noStrike" baseline="0">
            <a:solidFill>
              <a:srgbClr val="000000"/>
            </a:solidFill>
            <a:latin typeface="Times New Roman"/>
            <a:ea typeface="HGSｺﾞｼｯｸM"/>
            <a:cs typeface="Times New Roman"/>
          </a:endParaRPr>
        </a:p>
        <a:p>
          <a:pPr algn="l" rtl="0">
            <a:defRPr sz="1000"/>
          </a:pPr>
          <a:endParaRPr lang="ja-JP" altLang="en-US" sz="1600" b="0" i="0" u="none" strike="noStrike" baseline="0">
            <a:solidFill>
              <a:srgbClr val="000000"/>
            </a:solidFill>
            <a:latin typeface="Times New Roman"/>
            <a:cs typeface="Times New Roman"/>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12518;&#12540;&#12470;&#20316;&#26989;&#29992;&#12501;&#12457;&#12523;&#12480;\&#9734;&#9733;&#9733;&#9733;&#30435;&#29702;&#36039;&#26009;\H23&#30435;&#29702;&#36039;&#26009;\&#24441;&#32887;&#21729;&#29366;&#27841;&#36039;&#26009;&#29031;&#20250;\03&#22238;&#31572;\&#25552;&#20986;&#26178;&#30906;&#35469;\101&#22269;&#27969;.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C:\&#12518;&#12540;&#12470;&#20316;&#26989;&#29992;&#12501;&#12457;&#12523;&#12480;\&#9734;&#9733;&#9733;&#9733;&#30435;&#29702;&#36039;&#26009;\H23&#30435;&#29702;&#36039;&#26009;\&#9312;&#26989;&#32318;&#35413;&#20385;\&#22238;&#31572;\&#9312;&#30435;&#29702;&#22243;&#20307;&#65288;&#20844;&#30410;&#31995;&#65289;\&#9733;&#65288;&#36001;&#65289;&#22823;&#38442;&#31185;&#23398;&#25391;&#33288;&#21332;&#20250;&#65288;&#26368;&#32066;&#65289;.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C:\Users\owgs00686\AppData\Local\Temp\Temp1_04-2&#32076;&#21942;&#29366;&#27841;&#12471;&#12540;&#12488;&#8658;&#21508;&#25152;&#23646;&#36865;&#20184;&#29992;%20&#65288;&#26666;&#24335;&#20250;&#31038;&#65289;&#22823;&#38442;&#27700;&#36947;&#32207;&#21512;&#12469;&#12540;&#12499;&#12473;.zip\&#9678;&#9733;&#9734;&#9733;&#22806;&#37101;&#22243;&#20307;&#26989;&#32318;&#35413;&#20385;&#12471;&#12540;&#12488;&#12304;&#35211;&#26412;&#21360;&#21047;&#29992;&#12305;&#8658;&#21508;&#25152;&#23646;&#36865;&#20184;&#29992;%20&#65288;&#36001;&#22243;&#27861;&#20154;&#12394;&#12393;&#65289;.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VS-JYOTO\soumu\Documents%20and%20Settings\&#22478;&#26481;&#21306;&#31038;&#31119;&#21332;\My%20Documents\&#65298;&#65299;&#30435;&#29702;&#36039;&#26009;\&#25552;&#20986;&#29992;&#12288;04%20&#24441;&#32887;&#21729;&#29366;&#27841;&#36039;&#26009;&#65288;&#36039;&#26009;&#12450;&#65374;&#12456;&#65289;&#12304;&#21306;&#31038;&#21332;&#12305;.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C:\Documents%20and%20Settings\i9452622\Local%20Settings\Temporary%20Internet%20Files\OLKD\&#29031;&#20250;&#12539;&#22238;&#31572;&#38306;&#20418;&#65288;H21&#65374;&#65289;\H21.6.30&#22806;&#37101;&#22243;&#20307;&#31561;&#12395;&#38306;&#12377;&#12427;&#30435;&#29702;&#36039;&#26009;&#31561;&#12398;&#25552;&#20986;\H21.8.7&#12304;&#35330;&#27491;&#29256;&#12305;&#30435;&#29702;&#36039;&#26009;&#65288;&#36039;&#26009;5&#65374;7&#6528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12518;&#12540;&#12470;&#20316;&#26989;&#29992;&#12501;&#12457;&#12523;&#12480;\&#9734;&#9733;&#9733;&#9733;&#30435;&#29702;&#36039;&#26009;\H22&#30435;&#29702;&#36039;&#26009;\&#22238;&#31572;\&#36039;&#26009;5&#65374;6\101&#22269;&#27969;.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File_SV\02-&#32207;&#21209;&#35506;\&#20849;&#29992;&#12501;&#12457;&#12523;&#12480;\0-01&#12288;&#32207;&#21209;&#35506;&#20849;&#36890;\22&#24180;&#24230;\&#30435;&#29702;&#36039;&#26009;\&#22238;&#31572;&#32232;\202&#30435;&#29702;&#36039;&#26009;&#65288;&#36039;&#26009;5&#65374;6&#65289;&#36039;&#26009;6&#12398;&#24180;&#40802;66&#20197;&#19978;&#65296;&#12391;&#22577;&#21578;&#12377;&#12427;&#12371;&#1239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24179;&#25104;23&#24180;&#24230;\&#32076;&#29702;&#12539;&#20225;&#30011;&#35506;\&#36001;&#25919;&#30340;&#29366;&#27841;&#21450;&#12403;&#24441;&#32887;&#21729;&#12398;&#29366;&#27841;&#12395;&#38306;&#12377;&#12427;&#36039;&#26009;&#12398;&#25552;&#20986;&#12395;&#12388;&#12356;&#12390;\04%20&#24441;&#32887;&#21729;&#29366;&#27841;&#36039;&#26009;&#65288;&#36039;&#26009;&#12450;&#65374;&#12456;&#65289;.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12518;&#12540;&#12470;&#20316;&#26989;&#29992;&#12501;&#12457;&#12523;&#12480;\&#9734;&#9733;&#9733;&#9733;&#30435;&#29702;&#36039;&#26009;\H23&#30435;&#29702;&#36039;&#26009;\&#36001;&#25919;&#30340;&#29366;&#27841;&#36039;&#26009;&#29031;&#20250;\&#22238;&#31572;\&#20844;&#30410;&#27861;&#20154;&#31995;(&#31038;&#31119;&#12539;&#29305;&#21029;&#27861;&#21547;&#12416;)\&#9733;19_&#22320;&#29699;&#29872;&#22659;&#12475;&#12531;&#12479;&#12540;&#12288;&#36001;&#25919;&#30340;&#29366;&#27841;&#12471;&#12540;&#12488;.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C:\DOCUME~1\Owner\LOCALS~1\Temp\&#21442;&#32771;(&#26152;&#24180;&#24230;&#20998;)&#24441;&#32887;&#21729;&#29366;&#27841;&#36039;&#26009;.zip%20&#12398;&#19968;&#26178;&#12487;&#12451;&#12524;&#12463;&#12488;&#12522;%203\19&#24441;&#32887;&#21729;&#29366;&#27841;&#36039;&#26009;&#65288;&#36039;&#26009;&#12450;&#65374;&#12456;&#65289;&#28207;&#21306;&#31038;&#21332;_H23.08.18&#9733;.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Hdlm\disk\Users\i9051270\Desktop\121&#12501;&#12521;&#12527;&#12304;220813&#20462;&#27491;&#32080;&#26524;&#12305;&#36039;&#26009;6&#32887;&#21729;&#25968;&#65308;&#35330;&#27491;&#32080;&#26524;20100910&#65310;.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C:\Documents%20and%20Settings\tateishi\Local%20Settings\Temporary%20Internet%20Files\Content.IE5\IHQXI50V\&#9670;&#9670;03-&#9315;&#22806;&#37101;&#22243;&#20307;&#26989;&#32318;&#35413;&#20385;&#12471;&#12540;&#12488;&#8658;&#21508;&#25152;&#23646;&#36865;&#20184;&#29992;%20&#65288;&#31038;&#20250;&#31119;&#31049;&#27861;&#20154;&#12394;&#12393;&#65289;&#20462;&#27491;&#9313;240704.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C:\Users\i3946384\AppData\Local\Microsoft\Windows\Temporary%20Internet%20Files\Content.Outlook\LB0GQO6M\201&#30435;&#29702;&#36039;&#26009;&#65288;&#36039;&#26009;1&#65374;4&#65289;(&#20316;&#25104;&#20013;&#6528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資料ア"/>
      <sheetName val="資料イ"/>
      <sheetName val="資料ウ"/>
      <sheetName val="資料エ"/>
      <sheetName val="入力リスト"/>
    </sheetNames>
    <sheetDataSet>
      <sheetData sheetId="0" refreshError="1"/>
      <sheetData sheetId="1" refreshError="1"/>
      <sheetData sheetId="2" refreshError="1"/>
      <sheetData sheetId="3" refreshError="1"/>
      <sheetData sheetId="4">
        <row r="51">
          <cell r="J51" t="str">
            <v>定めている</v>
          </cell>
          <cell r="K51" t="str">
            <v>定めている</v>
          </cell>
          <cell r="L51" t="str">
            <v>支給していない</v>
          </cell>
          <cell r="M51" t="str">
            <v>就任していない</v>
          </cell>
        </row>
        <row r="52">
          <cell r="J52" t="str">
            <v>定めていない</v>
          </cell>
          <cell r="K52" t="str">
            <v>定めていない</v>
          </cell>
          <cell r="L52" t="str">
            <v>支給している</v>
          </cell>
          <cell r="M52" t="str">
            <v>就任している</v>
          </cell>
        </row>
      </sheetData>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データ"/>
      <sheetName val="①【公益】経営状況シート（Ⅰ～Ⅲ）"/>
      <sheetName val="①【公益】経営状況シート（Ⅳ）"/>
      <sheetName val="①【公益】経営状況シート（Ⅴ～Ⅵ）"/>
      <sheetName val="①【公益】経営状況シート（Ⅶ～Ⅷ）"/>
      <sheetName val="指標説明"/>
      <sheetName val="②業績評価シート（目標）"/>
      <sheetName val="②業績評価シート（実績）"/>
      <sheetName val="③プレゼンテーションシート "/>
      <sheetName val="③★プレゼンテーションシート【グラフ(財)(正味)】"/>
      <sheetName val="③プレゼンテーションシート (4)"/>
    </sheetNames>
    <sheetDataSet>
      <sheetData sheetId="0">
        <row r="4">
          <cell r="B4" t="str">
            <v>(財)大阪国際交流センター</v>
          </cell>
        </row>
        <row r="5">
          <cell r="B5" t="str">
            <v>(財)大阪市女性協会</v>
          </cell>
        </row>
        <row r="6">
          <cell r="B6" t="str">
            <v>(財)アジア・太平洋人権情報センター</v>
          </cell>
        </row>
        <row r="7">
          <cell r="B7" t="str">
            <v>(財)大阪市都市工学情報センター</v>
          </cell>
        </row>
        <row r="8">
          <cell r="B8" t="str">
            <v>(財)大阪市環境保健協会</v>
          </cell>
        </row>
        <row r="9">
          <cell r="B9" t="str">
            <v>(財)大阪市救急医療事業団</v>
          </cell>
        </row>
        <row r="10">
          <cell r="B10" t="str">
            <v>(財)大阪市スポーツ・みどり振興協会</v>
          </cell>
        </row>
        <row r="11">
          <cell r="B11" t="str">
            <v>(財)大阪城ホール</v>
          </cell>
        </row>
        <row r="12">
          <cell r="B12" t="str">
            <v>(財)大阪二十一世紀協会</v>
          </cell>
        </row>
        <row r="13">
          <cell r="B13" t="str">
            <v>(財)大阪市博物館協会</v>
          </cell>
        </row>
        <row r="14">
          <cell r="B14" t="str">
            <v>(財)大阪科学振興協会</v>
          </cell>
        </row>
        <row r="15">
          <cell r="B15" t="str">
            <v>(財)大阪国際経済振興センター</v>
          </cell>
        </row>
        <row r="16">
          <cell r="B16" t="str">
            <v>大阪市信用保証協会</v>
          </cell>
        </row>
        <row r="17">
          <cell r="B17" t="str">
            <v>(公財)地球環境センター</v>
          </cell>
        </row>
        <row r="18">
          <cell r="B18" t="str">
            <v>(財)大阪市環境事業協会</v>
          </cell>
        </row>
        <row r="19">
          <cell r="B19" t="str">
            <v>大阪市住宅供給公社</v>
          </cell>
        </row>
        <row r="20">
          <cell r="B20" t="str">
            <v>(財)大阪市建築技術協会</v>
          </cell>
        </row>
        <row r="21">
          <cell r="B21" t="str">
            <v>(財)大阪市都市建設技術協会</v>
          </cell>
        </row>
        <row r="22">
          <cell r="B22" t="str">
            <v>大阪市道路公社</v>
          </cell>
        </row>
        <row r="23">
          <cell r="B23" t="str">
            <v>(財)都市技術センター</v>
          </cell>
        </row>
        <row r="24">
          <cell r="B24" t="str">
            <v>(財)大阪港埠頭公社</v>
          </cell>
        </row>
        <row r="25">
          <cell r="B25" t="str">
            <v>(財)大阪市消防振興協会</v>
          </cell>
        </row>
        <row r="26">
          <cell r="B26" t="str">
            <v>(財)大阪市教育振興公社</v>
          </cell>
        </row>
        <row r="27">
          <cell r="B27" t="str">
            <v>(財)大阪国際平和センター</v>
          </cell>
        </row>
        <row r="28">
          <cell r="B28" t="str">
            <v>(公財)大阪府暴力追放推進センター</v>
          </cell>
        </row>
        <row r="29">
          <cell r="B29" t="str">
            <v>(財)大阪観光コンベンション協会</v>
          </cell>
        </row>
        <row r="30">
          <cell r="B30" t="str">
            <v>(財)国際花と緑の博覧会記念協会</v>
          </cell>
        </row>
        <row r="31">
          <cell r="B31" t="str">
            <v>(財)大阪市農業センター</v>
          </cell>
        </row>
        <row r="32">
          <cell r="B32" t="str">
            <v>(社)大阪市人権協会</v>
          </cell>
        </row>
        <row r="33">
          <cell r="B33" t="str">
            <v>(財)大阪市民共済会</v>
          </cell>
        </row>
        <row r="34">
          <cell r="B34" t="str">
            <v>(財)大阪市身体障害者団体協議会</v>
          </cell>
        </row>
        <row r="35">
          <cell r="B35" t="str">
            <v>(社)大阪市老人クラブ連合会</v>
          </cell>
        </row>
        <row r="36">
          <cell r="B36" t="str">
            <v>(財)大阪バイオサイエンス研究所</v>
          </cell>
        </row>
        <row r="37">
          <cell r="B37" t="str">
            <v>(財)大阪市青少年活動協会</v>
          </cell>
        </row>
        <row r="38">
          <cell r="B38" t="str">
            <v>(財)大阪市中小企業勤労者福祉サービスセンター</v>
          </cell>
        </row>
        <row r="39">
          <cell r="B39" t="str">
            <v>(財)大阪市都市型産業振興センター</v>
          </cell>
        </row>
        <row r="40">
          <cell r="B40" t="str">
            <v>(公社)大阪港振興協会</v>
          </cell>
        </row>
        <row r="41">
          <cell r="B41" t="str">
            <v>(社)大阪市清港会</v>
          </cell>
        </row>
        <row r="42">
          <cell r="B42" t="str">
            <v>(財)大阪市学校給食協会</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データ"/>
      <sheetName val="①【公益】経営状況シート（Ⅰ～Ⅲ）"/>
      <sheetName val="①【公益】経営状況シート（Ⅳ）"/>
      <sheetName val="①【公益】経営状況シート（Ⅴ～Ⅵ）"/>
      <sheetName val="①【公益】経営状況シート（Ⅶ～Ⅷ）"/>
      <sheetName val="②業績評価シート（目標）"/>
      <sheetName val="②業績評価シート（実績）"/>
      <sheetName val="指標説明"/>
      <sheetName val="③プレゼンテーションシート"/>
      <sheetName val="③★プレゼンテーションシート【グラフ(財)(正味)】"/>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資料ア"/>
      <sheetName val="資料イ"/>
      <sheetName val="資料ウ"/>
      <sheetName val="資料エ"/>
      <sheetName val="入力リスト"/>
    </sheetNames>
    <sheetDataSet>
      <sheetData sheetId="0"/>
      <sheetData sheetId="1"/>
      <sheetData sheetId="2"/>
      <sheetData sheetId="3"/>
      <sheetData sheetId="4">
        <row r="43">
          <cell r="B43" t="str">
            <v>役員</v>
          </cell>
        </row>
        <row r="44">
          <cell r="B44" t="str">
            <v>役員相当</v>
          </cell>
        </row>
      </sheetData>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資料5"/>
      <sheetName val="資料6"/>
      <sheetName val="資料7"/>
      <sheetName val="入力リスト"/>
    </sheetNames>
    <sheetDataSet>
      <sheetData sheetId="0"/>
      <sheetData sheetId="1"/>
      <sheetData sheetId="2"/>
      <sheetData sheetId="3">
        <row r="43">
          <cell r="B43" t="str">
            <v>役員</v>
          </cell>
        </row>
        <row r="44">
          <cell r="B44" t="str">
            <v>役員相当</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資料5"/>
      <sheetName val="資料6"/>
      <sheetName val="入力リスト"/>
    </sheetNames>
    <sheetDataSet>
      <sheetData sheetId="0"/>
      <sheetData sheetId="1"/>
      <sheetData sheetId="2">
        <row r="2">
          <cell r="B2" t="str">
            <v>政策企画室</v>
          </cell>
          <cell r="C2" t="str">
            <v>市民局</v>
          </cell>
          <cell r="D2" t="str">
            <v>契約管財局</v>
          </cell>
          <cell r="E2" t="str">
            <v>計画調整局</v>
          </cell>
          <cell r="F2" t="str">
            <v>健康福祉局</v>
          </cell>
          <cell r="G2" t="str">
            <v>こども青少年局</v>
          </cell>
          <cell r="H2" t="str">
            <v>ゆとりとみどり振興局</v>
          </cell>
          <cell r="I2" t="str">
            <v>経済局</v>
          </cell>
          <cell r="J2" t="str">
            <v>環境局</v>
          </cell>
          <cell r="K2" t="str">
            <v>都市整備局</v>
          </cell>
          <cell r="L2" t="str">
            <v>建設局</v>
          </cell>
          <cell r="M2" t="str">
            <v>港湾局</v>
          </cell>
          <cell r="N2" t="str">
            <v>消防局</v>
          </cell>
          <cell r="O2" t="str">
            <v>交通局</v>
          </cell>
          <cell r="P2" t="str">
            <v>水道局</v>
          </cell>
          <cell r="Q2" t="str">
            <v>教育委員会事務局</v>
          </cell>
        </row>
        <row r="42">
          <cell r="G42" t="str">
            <v>本市</v>
          </cell>
          <cell r="H42" t="str">
            <v>公立大学法人大阪市立大学</v>
          </cell>
          <cell r="I42" t="str">
            <v>国・他自治体</v>
          </cell>
          <cell r="J42" t="str">
            <v>他の外郭団体等</v>
          </cell>
          <cell r="K42" t="str">
            <v>民間</v>
          </cell>
          <cell r="L42" t="str">
            <v>団体固有</v>
          </cell>
          <cell r="M42" t="str">
            <v>その他</v>
          </cell>
        </row>
        <row r="43">
          <cell r="B43" t="str">
            <v>役員</v>
          </cell>
          <cell r="D43" t="str">
            <v>常勤</v>
          </cell>
          <cell r="O43" t="str">
            <v>有</v>
          </cell>
        </row>
        <row r="44">
          <cell r="B44" t="str">
            <v>役員相当</v>
          </cell>
          <cell r="D44" t="str">
            <v>非常勤</v>
          </cell>
          <cell r="O44" t="str">
            <v>無</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資料5"/>
      <sheetName val="資料6"/>
      <sheetName val="入力リスト"/>
    </sheetNames>
    <sheetDataSet>
      <sheetData sheetId="0"/>
      <sheetData sheetId="1"/>
      <sheetData sheetId="2">
        <row r="42">
          <cell r="G42" t="str">
            <v>本市</v>
          </cell>
          <cell r="H42" t="str">
            <v>公立大学法人大阪市立大学</v>
          </cell>
          <cell r="I42" t="str">
            <v>国・他自治体</v>
          </cell>
          <cell r="J42" t="str">
            <v>他の外郭団体等</v>
          </cell>
          <cell r="K42" t="str">
            <v>民間</v>
          </cell>
          <cell r="L42" t="str">
            <v>団体固有</v>
          </cell>
          <cell r="M42" t="str">
            <v>その他</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資料ア"/>
      <sheetName val="資料イ"/>
      <sheetName val="資料ウ"/>
      <sheetName val="資料エ"/>
      <sheetName val="入力リスト"/>
    </sheetNames>
    <sheetDataSet>
      <sheetData sheetId="0"/>
      <sheetData sheetId="1"/>
      <sheetData sheetId="2"/>
      <sheetData sheetId="3"/>
      <sheetData sheetId="4">
        <row r="43">
          <cell r="B43" t="str">
            <v>役員</v>
          </cell>
          <cell r="D43" t="str">
            <v>常勤</v>
          </cell>
        </row>
        <row r="44">
          <cell r="B44" t="str">
            <v>役員相当</v>
          </cell>
          <cell r="D44" t="str">
            <v>非常勤</v>
          </cell>
        </row>
      </sheetData>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資料１"/>
      <sheetName val="資料2"/>
      <sheetName val="資料3"/>
      <sheetName val="資料4"/>
      <sheetName val="入力リスト"/>
    </sheetNames>
    <sheetDataSet>
      <sheetData sheetId="0"/>
      <sheetData sheetId="1"/>
      <sheetData sheetId="2" refreshError="1"/>
      <sheetData sheetId="3" refreshError="1"/>
      <sheetData sheetId="4"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資料ア"/>
      <sheetName val="資料イ"/>
      <sheetName val="資料ウ"/>
      <sheetName val="資料エ"/>
      <sheetName val="入力リスト"/>
    </sheetNames>
    <sheetDataSet>
      <sheetData sheetId="0"/>
      <sheetData sheetId="1"/>
      <sheetData sheetId="2"/>
      <sheetData sheetId="3"/>
      <sheetData sheetId="4">
        <row r="42">
          <cell r="G42" t="str">
            <v>本市</v>
          </cell>
          <cell r="H42" t="str">
            <v>公立大学法人大阪市立大学</v>
          </cell>
          <cell r="I42" t="str">
            <v>国・他自治体</v>
          </cell>
          <cell r="J42" t="str">
            <v>他の外郭団体等</v>
          </cell>
          <cell r="K42" t="str">
            <v>民間</v>
          </cell>
          <cell r="L42" t="str">
            <v>団体固有</v>
          </cell>
          <cell r="M42" t="str">
            <v>その他</v>
          </cell>
        </row>
      </sheetData>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資料5"/>
      <sheetName val="資料6"/>
      <sheetName val="入力リスト"/>
    </sheetNames>
    <sheetDataSet>
      <sheetData sheetId="0"/>
      <sheetData sheetId="1"/>
      <sheetData sheetId="2">
        <row r="43">
          <cell r="O43" t="str">
            <v>有</v>
          </cell>
        </row>
        <row r="44">
          <cell r="O44" t="str">
            <v>無</v>
          </cell>
        </row>
      </sheetData>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データ"/>
      <sheetName val="①【社福】経営状況シート（Ⅰ～Ⅲ）"/>
      <sheetName val="①【社福】経営状況シート（Ⅳ）"/>
      <sheetName val="①【社福】経営状況シート（Ⅴ～Ⅵ）"/>
      <sheetName val="①【社福】経営状況シート（Ⅶ～Ⅷ） "/>
      <sheetName val="役員名簿"/>
      <sheetName val="指標説明"/>
      <sheetName val="②業績評価シート（目標）"/>
      <sheetName val="②業績評価シート（実績）"/>
      <sheetName val="③プレゼンテーションシート"/>
      <sheetName val="③★プレゼンテーションシート【グラフ(社会福祉）】"/>
    </sheetNames>
    <sheetDataSet>
      <sheetData sheetId="0">
        <row r="4">
          <cell r="B4" t="str">
            <v>(社福)大阪社会医療センター</v>
          </cell>
        </row>
        <row r="5">
          <cell r="B5" t="str">
            <v>(社福)大阪市社会福祉協議会</v>
          </cell>
        </row>
        <row r="6">
          <cell r="B6" t="str">
            <v>(社福)みおつくし福祉会</v>
          </cell>
        </row>
        <row r="7">
          <cell r="B7" t="str">
            <v>(社福)大阪市障害者福祉・スポーツ協会</v>
          </cell>
        </row>
        <row r="8">
          <cell r="B8" t="str">
            <v>(社福)大阪市北区社会福祉協議会</v>
          </cell>
        </row>
        <row r="9">
          <cell r="B9" t="str">
            <v>(社福)大阪市都島区社会福祉協議会</v>
          </cell>
        </row>
        <row r="10">
          <cell r="B10" t="str">
            <v>(社福)大阪市福島区社会福祉協議会</v>
          </cell>
        </row>
        <row r="11">
          <cell r="B11" t="str">
            <v>(社福)大阪市此花区社会福祉協議会</v>
          </cell>
        </row>
        <row r="12">
          <cell r="B12" t="str">
            <v>(社福)大阪市中央区社会福祉協議会</v>
          </cell>
        </row>
        <row r="13">
          <cell r="B13" t="str">
            <v>(社福)大阪市西区社会福祉協議会</v>
          </cell>
        </row>
        <row r="14">
          <cell r="B14" t="str">
            <v>(社福)大阪市港区社会福祉協議会</v>
          </cell>
        </row>
        <row r="15">
          <cell r="B15" t="str">
            <v>(社福)大阪市大正区社会福祉協議会</v>
          </cell>
        </row>
        <row r="16">
          <cell r="B16" t="str">
            <v>(社福)大阪市天王寺区社会福祉協議会</v>
          </cell>
        </row>
        <row r="17">
          <cell r="B17" t="str">
            <v>(社福)大阪市浪速区社会福祉協議会</v>
          </cell>
        </row>
        <row r="18">
          <cell r="B18" t="str">
            <v>(社福)大阪市西淀川区社会福祉協議会</v>
          </cell>
        </row>
        <row r="19">
          <cell r="B19" t="str">
            <v>(社福)大阪市淀川区社会福祉協議会</v>
          </cell>
        </row>
        <row r="20">
          <cell r="B20" t="str">
            <v>(社福)大阪市東淀川区社会福祉協議会</v>
          </cell>
        </row>
        <row r="21">
          <cell r="B21" t="str">
            <v>(社福)大阪市東成区社会福祉協議会</v>
          </cell>
        </row>
        <row r="22">
          <cell r="B22" t="str">
            <v>(社福)大阪市生野区社会福祉協議会</v>
          </cell>
        </row>
        <row r="23">
          <cell r="B23" t="str">
            <v>(社福)大阪市旭区社会福祉協議会</v>
          </cell>
        </row>
        <row r="24">
          <cell r="B24" t="str">
            <v>(社福)大阪市城東区社会福祉協議会</v>
          </cell>
        </row>
        <row r="25">
          <cell r="B25" t="str">
            <v>(社福)大阪市鶴見区社会福祉協議会</v>
          </cell>
        </row>
        <row r="26">
          <cell r="B26" t="str">
            <v>(社福)大阪市阿倍野区社会福祉協議会</v>
          </cell>
        </row>
        <row r="27">
          <cell r="B27" t="str">
            <v>(社福)大阪市住之江区社会福祉協議会</v>
          </cell>
        </row>
        <row r="28">
          <cell r="B28" t="str">
            <v>(社福)大阪市住吉区社会福祉協議会</v>
          </cell>
        </row>
        <row r="29">
          <cell r="B29" t="str">
            <v>(社福)大阪市東住吉区社会福祉協議会</v>
          </cell>
        </row>
        <row r="30">
          <cell r="B30" t="str">
            <v>(社福)大阪市平野区社会福祉協議会</v>
          </cell>
        </row>
        <row r="31">
          <cell r="B31" t="str">
            <v>(社福)大阪市西成区社会福祉協議会</v>
          </cell>
        </row>
      </sheetData>
      <sheetData sheetId="1"/>
      <sheetData sheetId="2"/>
      <sheetData sheetId="3"/>
      <sheetData sheetId="4"/>
      <sheetData sheetId="5"/>
      <sheetData sheetId="6"/>
      <sheetData sheetId="7"/>
      <sheetData sheetId="8"/>
      <sheetData sheetId="9"/>
      <sheetData sheetId="10"/>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資料1"/>
      <sheetName val="資料1-2"/>
      <sheetName val="資料1-2 (記入例)"/>
      <sheetName val="資料2"/>
      <sheetName val="資料3"/>
      <sheetName val="資料4"/>
      <sheetName val="入力リスト"/>
      <sheetName val="旧資料1"/>
    </sheetNames>
    <sheetDataSet>
      <sheetData sheetId="0"/>
      <sheetData sheetId="1"/>
      <sheetData sheetId="2"/>
      <sheetData sheetId="3"/>
      <sheetData sheetId="4"/>
      <sheetData sheetId="5"/>
      <sheetData sheetId="6">
        <row r="43">
          <cell r="C43" t="str">
            <v>財団法人　大阪国際交流センター</v>
          </cell>
          <cell r="D43" t="str">
            <v>オオサカコクサイコウリュウセンター</v>
          </cell>
          <cell r="E43" t="str">
            <v>財団法人</v>
          </cell>
          <cell r="F43" t="str">
            <v>(財)</v>
          </cell>
          <cell r="G43" t="str">
            <v>大阪国際交流センター</v>
          </cell>
        </row>
        <row r="44">
          <cell r="C44" t="str">
            <v>財団法人　大阪市女性協会</v>
          </cell>
          <cell r="D44" t="str">
            <v>オオサカシジョセイキョウカイ</v>
          </cell>
          <cell r="E44" t="str">
            <v>財団法人</v>
          </cell>
          <cell r="F44" t="str">
            <v>(財)</v>
          </cell>
          <cell r="G44" t="str">
            <v>大阪市女性協会</v>
          </cell>
        </row>
        <row r="45">
          <cell r="C45" t="str">
            <v>財団法人　アジア・太平洋人権情報センター</v>
          </cell>
          <cell r="D45" t="str">
            <v>アジア・タイヘイヨウジンケンジョウホウセンター</v>
          </cell>
          <cell r="E45" t="str">
            <v>財団法人</v>
          </cell>
          <cell r="F45" t="str">
            <v>(財)</v>
          </cell>
          <cell r="G45" t="str">
            <v>アジア・太平洋人権情報センター</v>
          </cell>
        </row>
        <row r="46">
          <cell r="C46" t="str">
            <v>株式会社　大阪市開発公社</v>
          </cell>
          <cell r="D46" t="str">
            <v>オオサカシカイハツコウシャ</v>
          </cell>
          <cell r="E46" t="str">
            <v>株式会社</v>
          </cell>
          <cell r="F46" t="str">
            <v>(株)　</v>
          </cell>
          <cell r="G46" t="str">
            <v>大阪市開発公社</v>
          </cell>
        </row>
        <row r="47">
          <cell r="C47" t="str">
            <v>大阪市土地開発公社</v>
          </cell>
          <cell r="D47" t="str">
            <v>オオサカシトチカイハツコウシャ</v>
          </cell>
          <cell r="E47" t="str">
            <v>特別法人</v>
          </cell>
          <cell r="G47" t="str">
            <v>大阪市土地開発公社</v>
          </cell>
        </row>
        <row r="48">
          <cell r="C48" t="str">
            <v>財団法人　大阪市都市工学情報センター</v>
          </cell>
          <cell r="D48" t="str">
            <v>オオサカシトシコウガクジョウホウセンター</v>
          </cell>
          <cell r="E48" t="str">
            <v>財団法人</v>
          </cell>
          <cell r="F48" t="str">
            <v>(財)</v>
          </cell>
          <cell r="G48" t="str">
            <v>大阪市都市工学情報センター</v>
          </cell>
        </row>
        <row r="49">
          <cell r="C49" t="str">
            <v>株式会社　湊町開発センター</v>
          </cell>
          <cell r="D49" t="str">
            <v>ミナトマチカイハツセンター</v>
          </cell>
          <cell r="E49" t="str">
            <v>株式会社</v>
          </cell>
          <cell r="F49" t="str">
            <v>(株)</v>
          </cell>
          <cell r="G49" t="str">
            <v>湊町開発センター</v>
          </cell>
        </row>
        <row r="50">
          <cell r="C50" t="str">
            <v>大阪外環状鉄道　株式会社</v>
          </cell>
          <cell r="D50" t="str">
            <v>オオサカソトカンジョウテツドウ</v>
          </cell>
          <cell r="E50" t="str">
            <v>株式会社</v>
          </cell>
          <cell r="G50" t="str">
            <v>大阪外環状鉄道</v>
          </cell>
          <cell r="H50" t="str">
            <v>(株)</v>
          </cell>
        </row>
        <row r="51">
          <cell r="C51" t="str">
            <v>社会福祉法人　大阪社会医療センター</v>
          </cell>
          <cell r="D51" t="str">
            <v>オオサカシャカイイリョウセンター</v>
          </cell>
          <cell r="E51" t="str">
            <v>社会福祉法人</v>
          </cell>
          <cell r="F51" t="str">
            <v>(福)</v>
          </cell>
          <cell r="G51" t="str">
            <v>大阪社会医療センター</v>
          </cell>
        </row>
        <row r="52">
          <cell r="C52" t="str">
            <v>財団法人　大阪市環境保健協会</v>
          </cell>
          <cell r="D52" t="str">
            <v>オオサカシカンキョウホケンキョウカイ</v>
          </cell>
          <cell r="E52" t="str">
            <v>財団法人</v>
          </cell>
          <cell r="F52" t="str">
            <v>(財)</v>
          </cell>
          <cell r="G52" t="str">
            <v>大阪市環境保健協会</v>
          </cell>
        </row>
        <row r="53">
          <cell r="C53" t="str">
            <v>財団法人　大阪市救急医療事業団</v>
          </cell>
          <cell r="D53" t="str">
            <v>オオサカシキュウキュウイリョウジギョウダン</v>
          </cell>
          <cell r="E53" t="str">
            <v>財団法人</v>
          </cell>
          <cell r="F53" t="str">
            <v>(財)</v>
          </cell>
          <cell r="G53" t="str">
            <v>大阪市救急医療事業団</v>
          </cell>
        </row>
        <row r="54">
          <cell r="C54" t="str">
            <v>財団法人　大阪市スポーツ・みどり振興協会</v>
          </cell>
          <cell r="D54" t="str">
            <v>オオサカシスポーツ・ミドリシンコウキョウカイ</v>
          </cell>
          <cell r="E54" t="str">
            <v>財団法人</v>
          </cell>
          <cell r="F54" t="str">
            <v>(財)</v>
          </cell>
          <cell r="G54" t="str">
            <v>大阪市スポーツ・みどり振興協会</v>
          </cell>
        </row>
        <row r="55">
          <cell r="C55" t="str">
            <v>財団法人　大阪城ホール</v>
          </cell>
          <cell r="D55" t="str">
            <v>オオサカジョウホール</v>
          </cell>
          <cell r="E55" t="str">
            <v>財団法人</v>
          </cell>
          <cell r="F55" t="str">
            <v>(財)</v>
          </cell>
          <cell r="G55" t="str">
            <v>大阪城ホール</v>
          </cell>
        </row>
        <row r="56">
          <cell r="C56" t="str">
            <v>財団法人　大阪二十一世紀協会</v>
          </cell>
          <cell r="D56" t="str">
            <v>オオサカニジュウイチセイキキョウカイ</v>
          </cell>
          <cell r="E56" t="str">
            <v>財団法人</v>
          </cell>
          <cell r="F56" t="str">
            <v>(財)</v>
          </cell>
          <cell r="G56" t="str">
            <v>大阪二十一世紀協会</v>
          </cell>
        </row>
        <row r="57">
          <cell r="C57" t="str">
            <v>財団法人　大阪市博物館協会</v>
          </cell>
          <cell r="D57" t="str">
            <v>オオサカシハクブツカンキョウカイ</v>
          </cell>
          <cell r="E57" t="str">
            <v>財団法人</v>
          </cell>
          <cell r="F57" t="str">
            <v>(財)</v>
          </cell>
          <cell r="G57" t="str">
            <v>大阪市博物館協会</v>
          </cell>
        </row>
        <row r="58">
          <cell r="C58" t="str">
            <v>財団法人　大阪科学振興協会</v>
          </cell>
          <cell r="D58" t="str">
            <v>オオサカカガクシンコウキョウカイ</v>
          </cell>
          <cell r="E58" t="str">
            <v>財団法人</v>
          </cell>
          <cell r="F58" t="str">
            <v>(財)</v>
          </cell>
          <cell r="G58" t="str">
            <v>大阪科学振興協会</v>
          </cell>
        </row>
        <row r="59">
          <cell r="C59" t="str">
            <v>財団法人　大阪国際経済振興センター</v>
          </cell>
          <cell r="D59" t="str">
            <v>オオサカコクサイケイザイシンコウセンター</v>
          </cell>
          <cell r="E59" t="str">
            <v>財団法人</v>
          </cell>
          <cell r="F59" t="str">
            <v>(財)</v>
          </cell>
          <cell r="G59" t="str">
            <v>大阪国際経済振興センター</v>
          </cell>
        </row>
        <row r="60">
          <cell r="C60" t="str">
            <v>大阪市信用保証協会</v>
          </cell>
          <cell r="D60" t="str">
            <v>オオサカシシンヨウホショウキョウカイ</v>
          </cell>
          <cell r="E60" t="str">
            <v>特別法人</v>
          </cell>
          <cell r="G60" t="str">
            <v>大阪市信用保証協会</v>
          </cell>
        </row>
        <row r="61">
          <cell r="C61" t="str">
            <v>株式会社　大阪マーチャンダイズ・マート</v>
          </cell>
          <cell r="D61" t="str">
            <v>オオサカマーチャンダイズ・マート</v>
          </cell>
          <cell r="E61" t="str">
            <v>株式会社</v>
          </cell>
          <cell r="F61" t="str">
            <v>(株)</v>
          </cell>
          <cell r="G61" t="str">
            <v>大阪マーチャンダイズ・マート</v>
          </cell>
        </row>
        <row r="62">
          <cell r="C62" t="str">
            <v>アジア太平洋トレードセンター　株式会社</v>
          </cell>
          <cell r="D62" t="str">
            <v>アジアタイヘイヨウトレードセンター</v>
          </cell>
          <cell r="E62" t="str">
            <v>株式会社</v>
          </cell>
          <cell r="G62" t="str">
            <v>アジア太平洋トレードセンター</v>
          </cell>
          <cell r="H62" t="str">
            <v>(株)</v>
          </cell>
        </row>
        <row r="63">
          <cell r="C63" t="str">
            <v>株式会社　大阪鶴見フラワーセンター</v>
          </cell>
          <cell r="D63" t="str">
            <v>オオサカツルミフラワーセンター</v>
          </cell>
          <cell r="E63" t="str">
            <v>株式会社</v>
          </cell>
          <cell r="F63" t="str">
            <v>(株)</v>
          </cell>
          <cell r="G63" t="str">
            <v>大阪鶴見フラワーセンター</v>
          </cell>
        </row>
        <row r="64">
          <cell r="C64" t="str">
            <v>大阪市商業振興企画　株式会社</v>
          </cell>
          <cell r="D64" t="str">
            <v>オオサカシショウギョウシンコウキカク</v>
          </cell>
          <cell r="E64" t="str">
            <v>株式会社</v>
          </cell>
          <cell r="G64" t="str">
            <v>大阪市商業振興企画</v>
          </cell>
          <cell r="H64" t="str">
            <v>(株)</v>
          </cell>
        </row>
        <row r="65">
          <cell r="C65" t="str">
            <v>財団法人　地球環境センター</v>
          </cell>
          <cell r="D65" t="str">
            <v>チキュウカンキョウセンター</v>
          </cell>
          <cell r="E65" t="str">
            <v>財団法人</v>
          </cell>
          <cell r="F65" t="str">
            <v>(公財)</v>
          </cell>
          <cell r="G65" t="str">
            <v>地球環境センター</v>
          </cell>
        </row>
        <row r="66">
          <cell r="C66" t="str">
            <v>財団法人　大阪市環境事業協会</v>
          </cell>
          <cell r="D66" t="str">
            <v>オオサカシカンキョウジギョウキョウカイ</v>
          </cell>
          <cell r="E66" t="str">
            <v>財団法人</v>
          </cell>
          <cell r="F66" t="str">
            <v>(財)</v>
          </cell>
          <cell r="G66" t="str">
            <v>大阪市環境事業協会</v>
          </cell>
        </row>
        <row r="67">
          <cell r="C67" t="str">
            <v>大阪市住宅供給公社</v>
          </cell>
          <cell r="D67" t="str">
            <v>オオサカシジュウタクキョウキュウコウシャ</v>
          </cell>
          <cell r="E67" t="str">
            <v>特別法人</v>
          </cell>
          <cell r="G67" t="str">
            <v>大阪市住宅供給公社</v>
          </cell>
        </row>
        <row r="68">
          <cell r="C68" t="str">
            <v>財団法人　大阪市建築技術協会</v>
          </cell>
          <cell r="D68" t="str">
            <v>オオサカシケンチクギジュツキョウカイ</v>
          </cell>
          <cell r="E68" t="str">
            <v>財団法人</v>
          </cell>
          <cell r="F68" t="str">
            <v>(財)</v>
          </cell>
          <cell r="G68" t="str">
            <v>大阪市建築技術協会</v>
          </cell>
        </row>
        <row r="69">
          <cell r="C69" t="str">
            <v>財団法人　大阪市都市建設技術協会</v>
          </cell>
          <cell r="D69" t="str">
            <v>オオサカシトシケンセツギジュツキョウカイ</v>
          </cell>
          <cell r="E69" t="str">
            <v>財団法人</v>
          </cell>
          <cell r="F69" t="str">
            <v>(財)</v>
          </cell>
          <cell r="G69" t="str">
            <v>大阪市都市建設技術協会</v>
          </cell>
        </row>
        <row r="70">
          <cell r="C70" t="str">
            <v>大阪市街地開発　株式会社</v>
          </cell>
          <cell r="D70" t="str">
            <v>オオサカシガイチカイハツ</v>
          </cell>
          <cell r="E70" t="str">
            <v>株式会社</v>
          </cell>
          <cell r="G70" t="str">
            <v>大阪市街地開発</v>
          </cell>
          <cell r="H70" t="str">
            <v>(株)</v>
          </cell>
        </row>
        <row r="71">
          <cell r="C71" t="str">
            <v>大阪市道路公社</v>
          </cell>
          <cell r="D71" t="str">
            <v>オオサカシドウロコウシャ</v>
          </cell>
          <cell r="E71" t="str">
            <v>特別法人</v>
          </cell>
          <cell r="G71" t="str">
            <v>大阪市道路公社</v>
          </cell>
        </row>
        <row r="72">
          <cell r="C72" t="str">
            <v>大阪地下街　株式会社</v>
          </cell>
          <cell r="D72" t="str">
            <v>オオサカチカガイ</v>
          </cell>
          <cell r="E72" t="str">
            <v>株式会社</v>
          </cell>
          <cell r="G72" t="str">
            <v>大阪地下街</v>
          </cell>
          <cell r="H72" t="str">
            <v>(株)</v>
          </cell>
        </row>
        <row r="73">
          <cell r="C73" t="str">
            <v>クリスタ長堀　株式会社</v>
          </cell>
          <cell r="D73" t="str">
            <v>クリスタナガホリ</v>
          </cell>
          <cell r="E73" t="str">
            <v>株式会社</v>
          </cell>
          <cell r="G73" t="str">
            <v>クリスタ長堀</v>
          </cell>
          <cell r="H73" t="str">
            <v>(株)</v>
          </cell>
        </row>
        <row r="74">
          <cell r="C74" t="str">
            <v>財団法人　大阪市下水道技術協会</v>
          </cell>
          <cell r="D74" t="str">
            <v>オオサカシゲスイドウギジュツキョウカイ</v>
          </cell>
          <cell r="E74" t="str">
            <v>財団法人</v>
          </cell>
          <cell r="F74" t="str">
            <v>(財)</v>
          </cell>
          <cell r="G74" t="str">
            <v>大阪市下水道技術協会</v>
          </cell>
        </row>
        <row r="75">
          <cell r="C75" t="str">
            <v>財団法人　大阪港埠頭公社</v>
          </cell>
          <cell r="D75" t="str">
            <v>オオサカコウフトウコウシャ</v>
          </cell>
          <cell r="E75" t="str">
            <v>財団法人</v>
          </cell>
          <cell r="F75" t="str">
            <v>(財)</v>
          </cell>
          <cell r="G75" t="str">
            <v>大阪港埠頭公社</v>
          </cell>
        </row>
        <row r="76">
          <cell r="C76" t="str">
            <v>大阪港埠頭ターミナル　株式会社</v>
          </cell>
          <cell r="D76" t="str">
            <v>オオサカコウフトウターミナル</v>
          </cell>
          <cell r="E76" t="str">
            <v>株式会社</v>
          </cell>
          <cell r="G76" t="str">
            <v>大阪港埠頭ターミナル</v>
          </cell>
          <cell r="H76" t="str">
            <v>(株)</v>
          </cell>
        </row>
        <row r="77">
          <cell r="C77" t="str">
            <v>大阪港木材倉庫　株式会社</v>
          </cell>
          <cell r="D77" t="str">
            <v>オオサカコウモクザイソウコ</v>
          </cell>
          <cell r="E77" t="str">
            <v>株式会社</v>
          </cell>
          <cell r="G77" t="str">
            <v>大阪港木材倉庫</v>
          </cell>
          <cell r="H77" t="str">
            <v>(株)</v>
          </cell>
        </row>
        <row r="78">
          <cell r="C78" t="str">
            <v>株式会社　大阪港トランスポートシステム</v>
          </cell>
          <cell r="D78" t="str">
            <v>オオサカコウトランスポートシステム</v>
          </cell>
          <cell r="E78" t="str">
            <v>株式会社</v>
          </cell>
          <cell r="F78" t="str">
            <v>(株)</v>
          </cell>
          <cell r="G78" t="str">
            <v>大阪港トランスポートシステム</v>
          </cell>
        </row>
        <row r="79">
          <cell r="C79" t="str">
            <v>大阪ウォーターフロント開発　株式会社</v>
          </cell>
          <cell r="D79" t="str">
            <v>オオサカウォーターフロントカイハツ</v>
          </cell>
          <cell r="E79" t="str">
            <v>株式会社</v>
          </cell>
          <cell r="G79" t="str">
            <v>大阪ウォーターフロント開発</v>
          </cell>
          <cell r="H79" t="str">
            <v>(株)</v>
          </cell>
        </row>
        <row r="80">
          <cell r="C80" t="str">
            <v>株式会社　大阪ワールドトレードセンタービルディング</v>
          </cell>
          <cell r="D80" t="str">
            <v>オオサカワールドトレードセンタービルディング</v>
          </cell>
          <cell r="E80" t="str">
            <v>株式会社</v>
          </cell>
          <cell r="F80" t="str">
            <v>(株)</v>
          </cell>
          <cell r="G80" t="str">
            <v>大阪ワールドトレードセンタービルディング</v>
          </cell>
        </row>
        <row r="81">
          <cell r="C81" t="str">
            <v>財団法人　大阪市消防振興協会</v>
          </cell>
          <cell r="D81" t="str">
            <v>オオサカシショウボウシンコウキョウカイ</v>
          </cell>
          <cell r="E81" t="str">
            <v>財団法人</v>
          </cell>
          <cell r="F81" t="str">
            <v>(財)</v>
          </cell>
          <cell r="G81" t="str">
            <v>大阪市消防振興協会</v>
          </cell>
        </row>
        <row r="82">
          <cell r="C82" t="str">
            <v>交通サービス　株式会社</v>
          </cell>
          <cell r="D82" t="str">
            <v>コウツウサービス</v>
          </cell>
          <cell r="E82" t="str">
            <v>株式会社</v>
          </cell>
          <cell r="G82" t="str">
            <v>交通サービス</v>
          </cell>
          <cell r="H82" t="str">
            <v>(株)</v>
          </cell>
        </row>
        <row r="83">
          <cell r="C83" t="str">
            <v>大阪運輸振興　株式会社</v>
          </cell>
          <cell r="D83" t="str">
            <v>オオサカウンユシンコウ</v>
          </cell>
          <cell r="E83" t="str">
            <v>株式会社</v>
          </cell>
          <cell r="G83" t="str">
            <v>大阪運輸振興</v>
          </cell>
          <cell r="H83" t="str">
            <v>(株)</v>
          </cell>
        </row>
        <row r="84">
          <cell r="C84" t="str">
            <v>株式会社　大阪メトロサービス</v>
          </cell>
          <cell r="D84" t="str">
            <v>オオサカメトロサービス</v>
          </cell>
          <cell r="E84" t="str">
            <v>株式会社</v>
          </cell>
          <cell r="F84" t="str">
            <v>(株)</v>
          </cell>
          <cell r="G84" t="str">
            <v>大阪メトロサービス</v>
          </cell>
        </row>
        <row r="85">
          <cell r="C85" t="str">
            <v>株式会社　大阪水道総合サービス</v>
          </cell>
          <cell r="D85" t="str">
            <v>オサカスイドウソウゴウサービス</v>
          </cell>
          <cell r="E85" t="str">
            <v>株式会社</v>
          </cell>
          <cell r="F85" t="str">
            <v>(株)</v>
          </cell>
          <cell r="G85" t="str">
            <v>大阪水道総合サービス</v>
          </cell>
        </row>
        <row r="86">
          <cell r="C86" t="str">
            <v>財団法人　大阪市教育振興公社</v>
          </cell>
          <cell r="D86" t="str">
            <v>オオサカシキョウイクシンコウコウシャ</v>
          </cell>
          <cell r="E86" t="str">
            <v>財団法人</v>
          </cell>
          <cell r="F86" t="str">
            <v>(財)</v>
          </cell>
          <cell r="G86" t="str">
            <v>大阪市教育振興公社</v>
          </cell>
        </row>
        <row r="87">
          <cell r="C87" t="str">
            <v>財団法人　大阪国際平和センター</v>
          </cell>
          <cell r="D87" t="str">
            <v>オオサカコクサイヘイワセンター</v>
          </cell>
          <cell r="E87" t="str">
            <v>財団法人</v>
          </cell>
          <cell r="F87" t="str">
            <v>(財)</v>
          </cell>
          <cell r="G87" t="str">
            <v>大阪国際平和センター</v>
          </cell>
        </row>
        <row r="88">
          <cell r="C88" t="str">
            <v>財団法人　大阪府暴力追放推進センター</v>
          </cell>
          <cell r="D88" t="str">
            <v>オオサカフボウリョクツイホウスイシンセンター</v>
          </cell>
          <cell r="E88" t="str">
            <v>財団法人</v>
          </cell>
          <cell r="F88" t="str">
            <v>(財)</v>
          </cell>
          <cell r="G88" t="str">
            <v>大阪府暴力追放推進センター</v>
          </cell>
        </row>
        <row r="89">
          <cell r="C89" t="str">
            <v>関西高速鉄道　株式会社</v>
          </cell>
          <cell r="D89" t="str">
            <v>カンサイコウソクテツドウ</v>
          </cell>
          <cell r="E89" t="str">
            <v>株式会社</v>
          </cell>
          <cell r="G89" t="str">
            <v>関西高速鉄道</v>
          </cell>
          <cell r="H89" t="str">
            <v>(株)</v>
          </cell>
        </row>
        <row r="90">
          <cell r="C90" t="str">
            <v>大阪国際空港ターミナル　株式会社</v>
          </cell>
          <cell r="D90" t="str">
            <v>オオサカコクサイクウコウターミナル</v>
          </cell>
          <cell r="E90" t="str">
            <v>株式会社</v>
          </cell>
          <cell r="G90" t="str">
            <v>大阪国際空港ターミナル</v>
          </cell>
          <cell r="H90" t="str">
            <v>(株)</v>
          </cell>
        </row>
        <row r="91">
          <cell r="C91" t="str">
            <v>西大阪高速鉄道　株式会社</v>
          </cell>
          <cell r="D91" t="str">
            <v>ニシオオサカコウソクテツドウ</v>
          </cell>
          <cell r="E91" t="str">
            <v>株式会社</v>
          </cell>
          <cell r="G91" t="str">
            <v>西大阪高速鉄道</v>
          </cell>
          <cell r="H91" t="str">
            <v>(株)</v>
          </cell>
        </row>
        <row r="92">
          <cell r="C92" t="str">
            <v>中之島高速鉄道　株式会社</v>
          </cell>
          <cell r="D92" t="str">
            <v>ナカノシマコウソクテツドウ</v>
          </cell>
          <cell r="E92" t="str">
            <v>株式会社</v>
          </cell>
          <cell r="G92" t="str">
            <v>中之島高速鉄道</v>
          </cell>
          <cell r="H92" t="str">
            <v>(株)</v>
          </cell>
        </row>
        <row r="93">
          <cell r="C93" t="str">
            <v>株式会社　かんでんエルハート</v>
          </cell>
          <cell r="D93" t="str">
            <v>カンデンエルハート</v>
          </cell>
          <cell r="E93" t="str">
            <v>株式会社</v>
          </cell>
          <cell r="F93" t="str">
            <v>(株)</v>
          </cell>
          <cell r="G93" t="str">
            <v>かんでんエルハート</v>
          </cell>
        </row>
        <row r="94">
          <cell r="C94" t="str">
            <v>財団法人　大阪観光コンベンション協会</v>
          </cell>
          <cell r="D94" t="str">
            <v>オオサカカンコウコンベンションキョウカイ</v>
          </cell>
          <cell r="E94" t="str">
            <v>財団法人</v>
          </cell>
          <cell r="F94" t="str">
            <v>(財)</v>
          </cell>
          <cell r="G94" t="str">
            <v>大阪観光コンベンション協会</v>
          </cell>
        </row>
        <row r="95">
          <cell r="C95" t="str">
            <v>財団法人　国際花と緑の博覧会記念協会</v>
          </cell>
          <cell r="D95" t="str">
            <v>コクサイハナトミドリノハクランカイキネンキョウカイ</v>
          </cell>
          <cell r="E95" t="str">
            <v>財団法人</v>
          </cell>
          <cell r="F95" t="str">
            <v>(財)</v>
          </cell>
          <cell r="G95" t="str">
            <v>国際花と緑の博覧会記念協会</v>
          </cell>
        </row>
        <row r="96">
          <cell r="C96" t="str">
            <v>財団法人　大阪市農業センター</v>
          </cell>
          <cell r="D96" t="str">
            <v>オオサカシノウギョウセンター</v>
          </cell>
          <cell r="E96" t="str">
            <v>財団法人</v>
          </cell>
          <cell r="F96" t="str">
            <v>(財)</v>
          </cell>
          <cell r="G96" t="str">
            <v>大阪市農業センター</v>
          </cell>
        </row>
        <row r="97">
          <cell r="C97" t="str">
            <v>社団法人　大阪市人権協会</v>
          </cell>
          <cell r="D97" t="str">
            <v>オオサカシジンキョウカイ</v>
          </cell>
          <cell r="E97" t="str">
            <v>社団法人</v>
          </cell>
          <cell r="F97" t="str">
            <v>(社)</v>
          </cell>
          <cell r="G97" t="str">
            <v>大阪市人権協会</v>
          </cell>
        </row>
        <row r="98">
          <cell r="C98" t="str">
            <v>財団法人　大阪市民共済会</v>
          </cell>
          <cell r="D98" t="str">
            <v>オオサカシミンキョウサイカイ</v>
          </cell>
          <cell r="E98" t="str">
            <v>財団法人</v>
          </cell>
          <cell r="F98" t="str">
            <v>(財)</v>
          </cell>
          <cell r="G98" t="str">
            <v>大阪市民共済会</v>
          </cell>
        </row>
        <row r="99">
          <cell r="C99" t="str">
            <v>社会福祉法人　大阪市社会福祉協議会</v>
          </cell>
          <cell r="D99" t="str">
            <v>オオサカシシャカイフクシキョウギカイ</v>
          </cell>
          <cell r="E99" t="str">
            <v>社会福祉法人</v>
          </cell>
          <cell r="F99" t="str">
            <v>(福)</v>
          </cell>
          <cell r="G99" t="str">
            <v>大阪市社会福祉協議会</v>
          </cell>
        </row>
        <row r="100">
          <cell r="C100" t="str">
            <v>社会福祉法人　みおつくし福祉会</v>
          </cell>
          <cell r="D100" t="str">
            <v>ミオツクシフクシカイ</v>
          </cell>
          <cell r="E100" t="str">
            <v>社会福祉法人</v>
          </cell>
          <cell r="F100" t="str">
            <v>(福)</v>
          </cell>
          <cell r="G100" t="str">
            <v>みおつくし福祉会</v>
          </cell>
        </row>
        <row r="101">
          <cell r="C101" t="str">
            <v>社会福祉法人　大阪市障害者福祉・スポーツ協会</v>
          </cell>
          <cell r="D101" t="str">
            <v>オオサカシショウガイシャフクシ・スポーツキョウカイ</v>
          </cell>
          <cell r="E101" t="str">
            <v>社会福祉法人</v>
          </cell>
          <cell r="F101" t="str">
            <v>(福)</v>
          </cell>
          <cell r="G101" t="str">
            <v>大阪市障害者福祉・スポーツ協会</v>
          </cell>
        </row>
        <row r="102">
          <cell r="C102" t="str">
            <v>財団法人　大阪市身体障害者団体協議会</v>
          </cell>
          <cell r="D102" t="str">
            <v>オオサカシシンタイショウガイシャダンタイキョウギカイ</v>
          </cell>
          <cell r="E102" t="str">
            <v>財団法人</v>
          </cell>
          <cell r="F102" t="str">
            <v>(財)</v>
          </cell>
          <cell r="G102" t="str">
            <v>大阪市身体障害者団体協議会</v>
          </cell>
        </row>
        <row r="103">
          <cell r="C103" t="str">
            <v>社団法人　大阪市老人クラブ連合会</v>
          </cell>
          <cell r="D103" t="str">
            <v>オオサカシロウジンクラブレンゴウカイ</v>
          </cell>
          <cell r="E103" t="str">
            <v>社団法人</v>
          </cell>
          <cell r="F103" t="str">
            <v>(社)</v>
          </cell>
          <cell r="G103" t="str">
            <v>大阪市老人クラブ連合会</v>
          </cell>
        </row>
        <row r="104">
          <cell r="C104" t="str">
            <v>社団法人　大阪生活衛生協会</v>
          </cell>
          <cell r="D104" t="str">
            <v>オオサカセイカツエイセイキョウカイ</v>
          </cell>
          <cell r="E104" t="str">
            <v>社団法人</v>
          </cell>
          <cell r="F104" t="str">
            <v>(社)</v>
          </cell>
          <cell r="G104" t="str">
            <v>大阪生活衛生協会</v>
          </cell>
        </row>
        <row r="105">
          <cell r="C105" t="str">
            <v>財団法人　大阪バイオサイエンス研究所</v>
          </cell>
          <cell r="D105" t="str">
            <v>オオサカバイオサイエンスケンキュウショ</v>
          </cell>
          <cell r="E105" t="str">
            <v>財団法人</v>
          </cell>
          <cell r="F105" t="str">
            <v>(財)</v>
          </cell>
          <cell r="G105" t="str">
            <v>大阪バイオサイエンス研究所</v>
          </cell>
        </row>
        <row r="106">
          <cell r="C106" t="str">
            <v>財団法人　大阪市青少年活動協会</v>
          </cell>
          <cell r="D106" t="str">
            <v>オオサカシセイショウネンカツドウキョウカイ</v>
          </cell>
          <cell r="E106" t="str">
            <v>財団法人</v>
          </cell>
          <cell r="F106" t="str">
            <v>(財)</v>
          </cell>
          <cell r="G106" t="str">
            <v>大阪市青少年活動協会</v>
          </cell>
        </row>
        <row r="107">
          <cell r="C107" t="str">
            <v>財団法人　大阪市中小企業勤労者福祉サービスセンター</v>
          </cell>
          <cell r="D107" t="str">
            <v>オオサカシチュウショウキギョウキンロウシャフクシサービスセンター</v>
          </cell>
          <cell r="E107" t="str">
            <v>財団法人</v>
          </cell>
          <cell r="F107" t="str">
            <v>(財)</v>
          </cell>
          <cell r="G107" t="str">
            <v>大阪市中小企業勤労者福祉サービスセンター</v>
          </cell>
        </row>
        <row r="108">
          <cell r="C108" t="str">
            <v>財団法人　大阪市都市型産業振興センター</v>
          </cell>
          <cell r="D108" t="str">
            <v>オオサカシトシガタサンギョウシンコウセンター</v>
          </cell>
          <cell r="E108" t="str">
            <v>財団法人</v>
          </cell>
          <cell r="F108" t="str">
            <v>(財)</v>
          </cell>
          <cell r="G108" t="str">
            <v>大阪市都市型産業振興センター</v>
          </cell>
        </row>
        <row r="109">
          <cell r="C109" t="str">
            <v>社団法人　大阪港振興協会</v>
          </cell>
          <cell r="D109" t="str">
            <v>オオサカコウシンコウキョウカイ</v>
          </cell>
          <cell r="E109" t="str">
            <v>社団法人</v>
          </cell>
          <cell r="F109" t="str">
            <v>(社)</v>
          </cell>
          <cell r="G109" t="str">
            <v>大阪港振興協会</v>
          </cell>
        </row>
        <row r="110">
          <cell r="C110" t="str">
            <v>社団法人　大阪市清港会</v>
          </cell>
          <cell r="D110" t="str">
            <v>オオサカシセイコウカイ</v>
          </cell>
          <cell r="E110" t="str">
            <v>社団法人</v>
          </cell>
          <cell r="F110" t="str">
            <v>(社)</v>
          </cell>
          <cell r="G110" t="str">
            <v>大阪市清港会</v>
          </cell>
        </row>
        <row r="111">
          <cell r="C111" t="str">
            <v>財団法人　大阪市学校給食協会</v>
          </cell>
          <cell r="D111" t="str">
            <v>オオサカシガッコウキュウショクキョウカイ</v>
          </cell>
          <cell r="E111" t="str">
            <v>財団法人</v>
          </cell>
          <cell r="F111" t="str">
            <v>(財)</v>
          </cell>
          <cell r="G111" t="str">
            <v>大阪市学校給食協会</v>
          </cell>
        </row>
        <row r="112">
          <cell r="C112" t="str">
            <v>財団法人　北区コミュニティ協会</v>
          </cell>
          <cell r="D112" t="str">
            <v>キタクコミュニティキョウカイ</v>
          </cell>
          <cell r="E112" t="str">
            <v>財団法人</v>
          </cell>
          <cell r="F112" t="str">
            <v>(財)</v>
          </cell>
          <cell r="G112" t="str">
            <v>北区コミュニティ協会</v>
          </cell>
        </row>
        <row r="113">
          <cell r="C113" t="str">
            <v>財団法人　都島区コミュニティ協会</v>
          </cell>
          <cell r="D113" t="str">
            <v>ミヤコジマクコミュニティキョウカイ</v>
          </cell>
          <cell r="E113" t="str">
            <v>財団法人</v>
          </cell>
          <cell r="F113" t="str">
            <v>(財)</v>
          </cell>
          <cell r="G113" t="str">
            <v>都島区コミュニティ協会</v>
          </cell>
        </row>
        <row r="114">
          <cell r="C114" t="str">
            <v>財団法人　福島区コミュニティ協会</v>
          </cell>
          <cell r="D114" t="str">
            <v>フクシマクコミュニティキョウカイ</v>
          </cell>
          <cell r="E114" t="str">
            <v>財団法人</v>
          </cell>
          <cell r="F114" t="str">
            <v>(財)</v>
          </cell>
          <cell r="G114" t="str">
            <v>福島区コミュニティ協会</v>
          </cell>
        </row>
        <row r="115">
          <cell r="C115" t="str">
            <v>財団法人　此花区コミュニティ協会</v>
          </cell>
          <cell r="D115" t="str">
            <v>コノハナクコミュニティキョウカイ</v>
          </cell>
          <cell r="E115" t="str">
            <v>財団法人</v>
          </cell>
          <cell r="F115" t="str">
            <v>(財)</v>
          </cell>
          <cell r="G115" t="str">
            <v>此花区コミュニティ協会</v>
          </cell>
        </row>
        <row r="116">
          <cell r="C116" t="str">
            <v>財団法人　中央区コミュニティ協会</v>
          </cell>
          <cell r="D116" t="str">
            <v>チュウオウクコミュニティキョウカイ</v>
          </cell>
          <cell r="E116" t="str">
            <v>財団法人</v>
          </cell>
          <cell r="F116" t="str">
            <v>(財)</v>
          </cell>
          <cell r="G116" t="str">
            <v>中央区コミュニティ協会</v>
          </cell>
        </row>
        <row r="117">
          <cell r="C117" t="str">
            <v>財団法人　西区コミュニティ協会</v>
          </cell>
          <cell r="D117" t="str">
            <v>ニシクコミュニティキョウカイ</v>
          </cell>
          <cell r="E117" t="str">
            <v>財団法人</v>
          </cell>
          <cell r="F117" t="str">
            <v>(財)</v>
          </cell>
          <cell r="G117" t="str">
            <v>西区コミュニティ協会</v>
          </cell>
        </row>
        <row r="118">
          <cell r="C118" t="str">
            <v>財団法人　港区コミュニティ協会</v>
          </cell>
          <cell r="D118" t="str">
            <v>ミナトクコミュニティキョウカイ</v>
          </cell>
          <cell r="E118" t="str">
            <v>財団法人</v>
          </cell>
          <cell r="F118" t="str">
            <v>(財)</v>
          </cell>
          <cell r="G118" t="str">
            <v>港区コミュニティ協会</v>
          </cell>
        </row>
        <row r="119">
          <cell r="C119" t="str">
            <v>財団法人　大正区コミュニティ協会</v>
          </cell>
          <cell r="D119" t="str">
            <v>タイショウクコミュニティキョウカイ</v>
          </cell>
          <cell r="E119" t="str">
            <v>財団法人</v>
          </cell>
          <cell r="F119" t="str">
            <v>(財)</v>
          </cell>
          <cell r="G119" t="str">
            <v>大正区コミュニティ協会</v>
          </cell>
        </row>
        <row r="120">
          <cell r="C120" t="str">
            <v>財団法人　天王寺区コミュニティ協会</v>
          </cell>
          <cell r="D120" t="str">
            <v>テンノウジクコミュニティキョウカイ</v>
          </cell>
          <cell r="E120" t="str">
            <v>財団法人</v>
          </cell>
          <cell r="F120" t="str">
            <v>(財)</v>
          </cell>
          <cell r="G120" t="str">
            <v>天王寺区コミュニティ協会</v>
          </cell>
        </row>
        <row r="121">
          <cell r="C121" t="str">
            <v>財団法人　浪速区コミュニティ協会</v>
          </cell>
          <cell r="D121" t="str">
            <v>ナニワクコミュニティキョウカイ</v>
          </cell>
          <cell r="E121" t="str">
            <v>財団法人</v>
          </cell>
          <cell r="F121" t="str">
            <v>(財)</v>
          </cell>
          <cell r="G121" t="str">
            <v>浪速区コミュニティ協会</v>
          </cell>
        </row>
        <row r="122">
          <cell r="C122" t="str">
            <v>財団法人　西淀川区コミュニティ協会</v>
          </cell>
          <cell r="D122" t="str">
            <v>ニシヨドガワクコミュニティキョウカイ</v>
          </cell>
          <cell r="E122" t="str">
            <v>財団法人</v>
          </cell>
          <cell r="F122" t="str">
            <v>(財)</v>
          </cell>
          <cell r="G122" t="str">
            <v>西淀川区コミュニティ協会</v>
          </cell>
        </row>
        <row r="123">
          <cell r="C123" t="str">
            <v>財団法人　淀川区コミュニティ協会</v>
          </cell>
          <cell r="D123" t="str">
            <v>ヨドガワクコミュニティキョウカイ</v>
          </cell>
          <cell r="E123" t="str">
            <v>財団法人</v>
          </cell>
          <cell r="F123" t="str">
            <v>(財)</v>
          </cell>
          <cell r="G123" t="str">
            <v>淀川区コミュニティ協会</v>
          </cell>
        </row>
        <row r="124">
          <cell r="C124" t="str">
            <v>財団法人　東淀川区コミュニティ協会</v>
          </cell>
          <cell r="D124" t="str">
            <v>ヒガシヨドガワクコミュニティキョウカイ</v>
          </cell>
          <cell r="E124" t="str">
            <v>財団法人</v>
          </cell>
          <cell r="F124" t="str">
            <v>(財)</v>
          </cell>
          <cell r="G124" t="str">
            <v>東淀川区コミュニティ協会</v>
          </cell>
        </row>
        <row r="125">
          <cell r="C125" t="str">
            <v>財団法人　東成区コミュニティ協会</v>
          </cell>
          <cell r="D125" t="str">
            <v>ヒガシナリクコミュニティキョウカイ</v>
          </cell>
          <cell r="E125" t="str">
            <v>財団法人</v>
          </cell>
          <cell r="F125" t="str">
            <v>(財)</v>
          </cell>
          <cell r="G125" t="str">
            <v>東成区コミュニティ協会</v>
          </cell>
        </row>
        <row r="126">
          <cell r="C126" t="str">
            <v>財団法人　生野区コミュニティ協会</v>
          </cell>
          <cell r="D126" t="str">
            <v>イクノクコミュニティキョウカイ</v>
          </cell>
          <cell r="E126" t="str">
            <v>財団法人</v>
          </cell>
          <cell r="F126" t="str">
            <v>(財)</v>
          </cell>
          <cell r="G126" t="str">
            <v>生野区コミュニティ協会</v>
          </cell>
        </row>
        <row r="127">
          <cell r="C127" t="str">
            <v>財団法人　旭区コミュニティ協会</v>
          </cell>
          <cell r="D127" t="str">
            <v>アサヒクコミュニティキョウカイ</v>
          </cell>
          <cell r="E127" t="str">
            <v>財団法人</v>
          </cell>
          <cell r="F127" t="str">
            <v>(財)</v>
          </cell>
          <cell r="G127" t="str">
            <v>旭区コミュニティ協会</v>
          </cell>
        </row>
        <row r="128">
          <cell r="C128" t="str">
            <v>財団法人　城東区コミュニティ協会</v>
          </cell>
          <cell r="D128" t="str">
            <v>ジョウトウクコミュニティキョウカイ</v>
          </cell>
          <cell r="E128" t="str">
            <v>財団法人</v>
          </cell>
          <cell r="F128" t="str">
            <v>(財)</v>
          </cell>
          <cell r="G128" t="str">
            <v>城東区コミュニティ協会</v>
          </cell>
        </row>
        <row r="129">
          <cell r="C129" t="str">
            <v>財団法人　鶴見区コミュニティ協会</v>
          </cell>
          <cell r="D129" t="str">
            <v>ツルミクコミュニティキョウカイ</v>
          </cell>
          <cell r="E129" t="str">
            <v>財団法人</v>
          </cell>
          <cell r="F129" t="str">
            <v>(財)</v>
          </cell>
          <cell r="G129" t="str">
            <v>鶴見区コミュニティ協会</v>
          </cell>
        </row>
        <row r="130">
          <cell r="C130" t="str">
            <v>財団法人　阿倍野区コミュニティ協会</v>
          </cell>
          <cell r="D130" t="str">
            <v>アベノクコミュニティキョウカイ</v>
          </cell>
          <cell r="E130" t="str">
            <v>財団法人</v>
          </cell>
          <cell r="F130" t="str">
            <v>(財)</v>
          </cell>
          <cell r="G130" t="str">
            <v>阿倍野区コミュニティ協会</v>
          </cell>
        </row>
        <row r="131">
          <cell r="C131" t="str">
            <v>財団法人　住之江区コミュニティ協会</v>
          </cell>
          <cell r="D131" t="str">
            <v>スミノエクコミュニティキョウカイ</v>
          </cell>
          <cell r="E131" t="str">
            <v>財団法人</v>
          </cell>
          <cell r="F131" t="str">
            <v>(財)</v>
          </cell>
          <cell r="G131" t="str">
            <v>住之江区コミュニティ協会</v>
          </cell>
        </row>
        <row r="132">
          <cell r="C132" t="str">
            <v>財団法人　住吉区コミュニティ協会</v>
          </cell>
          <cell r="D132" t="str">
            <v>スミヨシクコミュニティキョウカイ</v>
          </cell>
          <cell r="E132" t="str">
            <v>財団法人</v>
          </cell>
          <cell r="F132" t="str">
            <v>(財)</v>
          </cell>
          <cell r="G132" t="str">
            <v>住吉区コミュニティ協会</v>
          </cell>
        </row>
        <row r="133">
          <cell r="C133" t="str">
            <v>財団法人　東住吉区コミュニティ協会</v>
          </cell>
          <cell r="D133" t="str">
            <v>ヒガシスミヨシクコミュニティキョウカイ</v>
          </cell>
          <cell r="E133" t="str">
            <v>財団法人</v>
          </cell>
          <cell r="F133" t="str">
            <v>(財)</v>
          </cell>
          <cell r="G133" t="str">
            <v>東住吉区コミュニティ協会</v>
          </cell>
        </row>
        <row r="134">
          <cell r="C134" t="str">
            <v>財団法人　平野区コミュニティ協会</v>
          </cell>
          <cell r="D134" t="str">
            <v>ヒラノクコミュニティキョウカイ</v>
          </cell>
          <cell r="E134" t="str">
            <v>財団法人</v>
          </cell>
          <cell r="F134" t="str">
            <v>(財)</v>
          </cell>
          <cell r="G134" t="str">
            <v>平野区コミュニティ協会</v>
          </cell>
        </row>
        <row r="135">
          <cell r="C135" t="str">
            <v>財団法人　西成区コミュニティ協会</v>
          </cell>
          <cell r="D135" t="str">
            <v>ニシナリクコミュニティキョウカイ</v>
          </cell>
          <cell r="E135" t="str">
            <v>財団法人</v>
          </cell>
          <cell r="F135" t="str">
            <v>(財)</v>
          </cell>
          <cell r="G135" t="str">
            <v>西成区コミュニティ協会</v>
          </cell>
        </row>
        <row r="136">
          <cell r="C136" t="str">
            <v>社会福祉法人　大阪市北区社会福祉協議会</v>
          </cell>
          <cell r="D136" t="str">
            <v>オオサカシキタクシャカイフクシキョウギカイ</v>
          </cell>
          <cell r="E136" t="str">
            <v>社会福祉法人</v>
          </cell>
          <cell r="F136" t="str">
            <v>(福)</v>
          </cell>
          <cell r="G136" t="str">
            <v>大阪市北区社会福祉協議会</v>
          </cell>
        </row>
        <row r="137">
          <cell r="C137" t="str">
            <v>社会福祉法人　大阪市都島区社会福祉協議会</v>
          </cell>
          <cell r="D137" t="str">
            <v>オオサカシミヤコジマクシャカイフクシキョウギカイ</v>
          </cell>
          <cell r="E137" t="str">
            <v>社会福祉法人</v>
          </cell>
          <cell r="F137" t="str">
            <v>(福)</v>
          </cell>
          <cell r="G137" t="str">
            <v>大阪市都島区社会福祉協議会</v>
          </cell>
        </row>
        <row r="138">
          <cell r="C138" t="str">
            <v>社会福祉法人　大阪市福島区社会福祉協議会</v>
          </cell>
          <cell r="D138" t="str">
            <v>オオサカシフクシマクシャカイフクシキョウギカイ</v>
          </cell>
          <cell r="E138" t="str">
            <v>社会福祉法人</v>
          </cell>
          <cell r="F138" t="str">
            <v>(福)</v>
          </cell>
          <cell r="G138" t="str">
            <v>大阪市福島区社会福祉協議会</v>
          </cell>
        </row>
        <row r="139">
          <cell r="C139" t="str">
            <v>社会福祉法人　大阪市此花区社会福祉協議会</v>
          </cell>
          <cell r="D139" t="str">
            <v>オオサカシコノハナクシャカイフクシキョウギカイ</v>
          </cell>
          <cell r="E139" t="str">
            <v>社会福祉法人</v>
          </cell>
          <cell r="F139" t="str">
            <v>(福)</v>
          </cell>
          <cell r="G139" t="str">
            <v>大阪市此花区社会福祉協議会</v>
          </cell>
        </row>
        <row r="140">
          <cell r="C140" t="str">
            <v>社会福祉法人　大阪市中央区社会福祉協議会</v>
          </cell>
          <cell r="D140" t="str">
            <v>オオサカシチュウオウクシャカイフクシキョウギカイ</v>
          </cell>
          <cell r="E140" t="str">
            <v>社会福祉法人</v>
          </cell>
          <cell r="F140" t="str">
            <v>(福)</v>
          </cell>
          <cell r="G140" t="str">
            <v>大阪市中央区社会福祉協議会</v>
          </cell>
        </row>
        <row r="141">
          <cell r="C141" t="str">
            <v>社会福祉法人　大阪市西区社会福祉協議会</v>
          </cell>
          <cell r="D141" t="str">
            <v>オオサカシニシクシャカイフクシキョウギカイ</v>
          </cell>
          <cell r="E141" t="str">
            <v>社会福祉法人</v>
          </cell>
          <cell r="F141" t="str">
            <v>(福)</v>
          </cell>
          <cell r="G141" t="str">
            <v>大阪市西区社会福祉協議会</v>
          </cell>
        </row>
        <row r="142">
          <cell r="C142" t="str">
            <v>社会福祉法人　大阪市港区社会福祉協議会</v>
          </cell>
          <cell r="D142" t="str">
            <v>オオサカシミナトクシャカイフクシキョウギカイ</v>
          </cell>
          <cell r="E142" t="str">
            <v>社会福祉法人</v>
          </cell>
          <cell r="F142" t="str">
            <v>(福)</v>
          </cell>
          <cell r="G142" t="str">
            <v>大阪市港区社会福祉協議会</v>
          </cell>
        </row>
        <row r="143">
          <cell r="C143" t="str">
            <v>社会福祉法人　大阪市大正区社会福祉協議会</v>
          </cell>
          <cell r="D143" t="str">
            <v>オオサカシタイショウクシャカイフクシキョウギカイ</v>
          </cell>
          <cell r="E143" t="str">
            <v>社会福祉法人</v>
          </cell>
          <cell r="F143" t="str">
            <v>(福)</v>
          </cell>
          <cell r="G143" t="str">
            <v>大阪市大正区社会福祉協議会</v>
          </cell>
        </row>
        <row r="144">
          <cell r="C144" t="str">
            <v>社会福祉法人　大阪市天王寺区社会福祉協議会</v>
          </cell>
          <cell r="D144" t="str">
            <v>オオサカシテンノウジクシャカイフクシキョウギカイ</v>
          </cell>
          <cell r="E144" t="str">
            <v>社会福祉法人</v>
          </cell>
          <cell r="F144" t="str">
            <v>(福)</v>
          </cell>
          <cell r="G144" t="str">
            <v>大阪市天王寺区社会福祉協議会</v>
          </cell>
        </row>
        <row r="145">
          <cell r="C145" t="str">
            <v>社会福祉法人　大阪市浪速区社会福祉協議会</v>
          </cell>
          <cell r="D145" t="str">
            <v>オオサカシナニワクシャカイフクシキョウギカイ</v>
          </cell>
          <cell r="E145" t="str">
            <v>社会福祉法人</v>
          </cell>
          <cell r="F145" t="str">
            <v>(福)</v>
          </cell>
          <cell r="G145" t="str">
            <v>大阪市浪速区社会福祉協議会</v>
          </cell>
        </row>
        <row r="146">
          <cell r="C146" t="str">
            <v>社会福祉法人　大阪市西淀川区社会福祉協議会</v>
          </cell>
          <cell r="D146" t="str">
            <v>オオサカシニシヨドガワクシャカイフクシキョウギカイ</v>
          </cell>
          <cell r="E146" t="str">
            <v>社会福祉法人</v>
          </cell>
          <cell r="F146" t="str">
            <v>(福)</v>
          </cell>
          <cell r="G146" t="str">
            <v>大阪市西淀川区社会福祉協議会</v>
          </cell>
        </row>
        <row r="147">
          <cell r="C147" t="str">
            <v>社会福祉法人　大阪市淀川区社会福祉協議会</v>
          </cell>
          <cell r="D147" t="str">
            <v>オオサカシヨドガワクシャカイフクシキョウギカイ</v>
          </cell>
          <cell r="E147" t="str">
            <v>社会福祉法人</v>
          </cell>
          <cell r="F147" t="str">
            <v>(福)</v>
          </cell>
          <cell r="G147" t="str">
            <v>大阪市淀川区社会福祉協議会</v>
          </cell>
        </row>
        <row r="148">
          <cell r="C148" t="str">
            <v>社会福祉法人　大阪市東淀川区社会福祉協議会</v>
          </cell>
          <cell r="D148" t="str">
            <v>オオサカシヒガシヨドガワクシャカイフクシキョウギカイ</v>
          </cell>
          <cell r="E148" t="str">
            <v>社会福祉法人</v>
          </cell>
          <cell r="F148" t="str">
            <v>(福)</v>
          </cell>
          <cell r="G148" t="str">
            <v>大阪市東淀川区社会福祉協議会</v>
          </cell>
        </row>
        <row r="149">
          <cell r="C149" t="str">
            <v>社会福祉法人　大阪市東成区社会福祉協議会</v>
          </cell>
          <cell r="D149" t="str">
            <v>オオサカシヒガシナリクシャカイフクシキョウギカイ</v>
          </cell>
          <cell r="E149" t="str">
            <v>社会福祉法人</v>
          </cell>
          <cell r="F149" t="str">
            <v>(福)</v>
          </cell>
          <cell r="G149" t="str">
            <v>大阪市東成区社会福祉協議会</v>
          </cell>
        </row>
        <row r="150">
          <cell r="C150" t="str">
            <v>社会福祉法人　大阪市生野区社会福祉協議会</v>
          </cell>
          <cell r="D150" t="str">
            <v>オオサカシイクノクシャカイフクシキョウギカイ</v>
          </cell>
          <cell r="E150" t="str">
            <v>社会福祉法人</v>
          </cell>
          <cell r="F150" t="str">
            <v>(福)</v>
          </cell>
          <cell r="G150" t="str">
            <v>大阪市生野区社会福祉協議会</v>
          </cell>
        </row>
        <row r="151">
          <cell r="C151" t="str">
            <v>社会福祉法人　大阪市旭区社会福祉協議会</v>
          </cell>
          <cell r="D151" t="str">
            <v>オオサカシアサヒクシャカイフクシキョウギカイ</v>
          </cell>
          <cell r="E151" t="str">
            <v>社会福祉法人</v>
          </cell>
          <cell r="F151" t="str">
            <v>(福)</v>
          </cell>
          <cell r="G151" t="str">
            <v>大阪市旭区社会福祉協議会</v>
          </cell>
        </row>
        <row r="152">
          <cell r="C152" t="str">
            <v>社会福祉法人　大阪市城東区社会福祉協議会</v>
          </cell>
          <cell r="D152" t="str">
            <v>オオサカシジョウトウクシャカイフクシキョウギカイ</v>
          </cell>
          <cell r="E152" t="str">
            <v>社会福祉法人</v>
          </cell>
          <cell r="F152" t="str">
            <v>(福)</v>
          </cell>
          <cell r="G152" t="str">
            <v>大阪市城東区社会福祉協議会</v>
          </cell>
        </row>
        <row r="153">
          <cell r="C153" t="str">
            <v>社会福祉法人　大阪市鶴見区社会福祉協議会</v>
          </cell>
          <cell r="D153" t="str">
            <v>オオサカシツルミクシャカイフクシキョウギカイ</v>
          </cell>
          <cell r="E153" t="str">
            <v>社会福祉法人</v>
          </cell>
          <cell r="F153" t="str">
            <v>(福)</v>
          </cell>
          <cell r="G153" t="str">
            <v>大阪市鶴見区社会福祉協議会</v>
          </cell>
        </row>
        <row r="154">
          <cell r="C154" t="str">
            <v>社会福祉法人　大阪市阿倍野区社会福祉協議会</v>
          </cell>
          <cell r="D154" t="str">
            <v>オオサカシアベノクシャカイフクシキョウギカイ</v>
          </cell>
          <cell r="E154" t="str">
            <v>社会福祉法人</v>
          </cell>
          <cell r="F154" t="str">
            <v>(福)</v>
          </cell>
          <cell r="G154" t="str">
            <v>大阪市阿倍野区社会福祉協議会</v>
          </cell>
        </row>
        <row r="155">
          <cell r="C155" t="str">
            <v>社会福祉法人　大阪市住之江区社会福祉協議会</v>
          </cell>
          <cell r="D155" t="str">
            <v>オオサカシスミノエクシャカイフクシキョウギカイ</v>
          </cell>
          <cell r="E155" t="str">
            <v>社会福祉法人</v>
          </cell>
          <cell r="F155" t="str">
            <v>(福)</v>
          </cell>
          <cell r="G155" t="str">
            <v>大阪市住之江区社会福祉協議会</v>
          </cell>
        </row>
        <row r="156">
          <cell r="C156" t="str">
            <v>社会福祉法人　大阪市住吉区社会福祉協議会</v>
          </cell>
          <cell r="D156" t="str">
            <v>オオサカシスミヨシクシャカイフクシキョウギカイ</v>
          </cell>
          <cell r="E156" t="str">
            <v>社会福祉法人</v>
          </cell>
          <cell r="F156" t="str">
            <v>(福)</v>
          </cell>
          <cell r="G156" t="str">
            <v>大阪市住吉区社会福祉協議会</v>
          </cell>
        </row>
        <row r="157">
          <cell r="C157" t="str">
            <v>社会福祉法人　大阪市東住吉区社会福祉協議会</v>
          </cell>
          <cell r="D157" t="str">
            <v>オオサカシヒガシスミヨシクシャカイフクシキョウギカイ</v>
          </cell>
          <cell r="E157" t="str">
            <v>社会福祉法人</v>
          </cell>
          <cell r="F157" t="str">
            <v>(福)</v>
          </cell>
          <cell r="G157" t="str">
            <v>大阪市東住吉区社会福祉協議会</v>
          </cell>
        </row>
        <row r="158">
          <cell r="C158" t="str">
            <v>社会福祉法人　大阪市平野区社会福祉協議会</v>
          </cell>
          <cell r="D158" t="str">
            <v>オオサカシヒラノクシャカイフクシキョウギカイ</v>
          </cell>
          <cell r="E158" t="str">
            <v>社会福祉法人</v>
          </cell>
          <cell r="F158" t="str">
            <v>(福)</v>
          </cell>
          <cell r="G158" t="str">
            <v>大阪市平野区社会福祉協議会</v>
          </cell>
        </row>
        <row r="159">
          <cell r="C159" t="str">
            <v>社会福祉法人　大阪市西成区社会福祉協議会</v>
          </cell>
          <cell r="D159" t="str">
            <v>オオサカシニシナリクシャカイフクシキョウギカイ</v>
          </cell>
          <cell r="E159" t="str">
            <v>社会福祉法人</v>
          </cell>
          <cell r="F159" t="str">
            <v>(福)</v>
          </cell>
          <cell r="G159" t="str">
            <v>大阪市西成区社会福祉協議会</v>
          </cell>
        </row>
        <row r="160">
          <cell r="C160" t="str">
            <v>堂島地下街　株式会社</v>
          </cell>
          <cell r="D160" t="str">
            <v>ドウジマチカガイ</v>
          </cell>
          <cell r="E160" t="str">
            <v>株式会社</v>
          </cell>
          <cell r="G160" t="str">
            <v>堂島地下街</v>
          </cell>
          <cell r="H160" t="str">
            <v>(株)</v>
          </cell>
        </row>
      </sheetData>
      <sheetData sheetId="7"/>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sheetPr>
  <dimension ref="B1:G45"/>
  <sheetViews>
    <sheetView tabSelected="1" view="pageBreakPreview" zoomScaleNormal="100" zoomScaleSheetLayoutView="100" workbookViewId="0"/>
  </sheetViews>
  <sheetFormatPr defaultRowHeight="13.5"/>
  <cols>
    <col min="1" max="1" width="6.5" customWidth="1"/>
    <col min="2" max="2" width="7" style="21" customWidth="1"/>
    <col min="3" max="3" width="23.625" customWidth="1"/>
    <col min="4" max="4" width="23.875" customWidth="1"/>
    <col min="5" max="5" width="27.625" customWidth="1"/>
    <col min="6" max="6" width="26.375" customWidth="1"/>
  </cols>
  <sheetData>
    <row r="1" spans="2:7" ht="20.100000000000001" customHeight="1"/>
    <row r="2" spans="2:7" ht="21" customHeight="1">
      <c r="B2" s="63" t="s">
        <v>64</v>
      </c>
      <c r="C2" s="63"/>
      <c r="D2" s="63"/>
      <c r="E2" s="63"/>
      <c r="F2" s="63"/>
    </row>
    <row r="3" spans="2:7" ht="20.100000000000001" customHeight="1"/>
    <row r="4" spans="2:7" ht="21" customHeight="1" thickBot="1">
      <c r="B4" s="53" t="s">
        <v>65</v>
      </c>
      <c r="C4" s="1"/>
      <c r="D4" s="1"/>
      <c r="E4" s="1"/>
    </row>
    <row r="5" spans="2:7" ht="21" customHeight="1" thickBot="1">
      <c r="B5" s="52"/>
      <c r="C5" s="56" t="s">
        <v>55</v>
      </c>
      <c r="D5" s="57" t="s">
        <v>56</v>
      </c>
      <c r="E5" s="57" t="s">
        <v>57</v>
      </c>
      <c r="F5" s="58" t="s">
        <v>58</v>
      </c>
    </row>
    <row r="6" spans="2:7" ht="21" customHeight="1" thickBot="1">
      <c r="B6" s="52"/>
      <c r="C6" s="59" t="s">
        <v>59</v>
      </c>
      <c r="D6" s="60" t="s">
        <v>60</v>
      </c>
      <c r="E6" s="60" t="s">
        <v>61</v>
      </c>
      <c r="F6" s="61" t="s">
        <v>62</v>
      </c>
    </row>
    <row r="7" spans="2:7" ht="21" customHeight="1">
      <c r="B7" s="52"/>
      <c r="C7" s="54"/>
      <c r="D7" s="54"/>
      <c r="E7" s="54"/>
      <c r="F7" s="55"/>
    </row>
    <row r="8" spans="2:7" ht="21" customHeight="1" thickBot="1">
      <c r="B8" s="53" t="s">
        <v>63</v>
      </c>
      <c r="C8" s="1"/>
      <c r="D8" s="1"/>
      <c r="E8" s="1"/>
    </row>
    <row r="9" spans="2:7" ht="19.5" customHeight="1">
      <c r="B9" s="64" t="s">
        <v>0</v>
      </c>
      <c r="C9" s="66" t="s">
        <v>1</v>
      </c>
      <c r="D9" s="67"/>
      <c r="E9" s="67"/>
      <c r="F9" s="68"/>
    </row>
    <row r="10" spans="2:7" ht="28.5" customHeight="1" thickBot="1">
      <c r="B10" s="65"/>
      <c r="C10" s="69" t="s">
        <v>2</v>
      </c>
      <c r="D10" s="70"/>
      <c r="E10" s="2" t="s">
        <v>3</v>
      </c>
      <c r="F10" s="3" t="s">
        <v>4</v>
      </c>
    </row>
    <row r="11" spans="2:7" ht="28.5" customHeight="1">
      <c r="B11" s="4" t="s">
        <v>5</v>
      </c>
      <c r="C11" s="5" t="s">
        <v>6</v>
      </c>
      <c r="D11" s="6" t="s">
        <v>7</v>
      </c>
      <c r="E11" s="7" t="s">
        <v>8</v>
      </c>
      <c r="F11" s="8" t="s">
        <v>9</v>
      </c>
      <c r="G11" s="9"/>
    </row>
    <row r="12" spans="2:7" ht="28.5" customHeight="1">
      <c r="B12" s="10" t="s">
        <v>10</v>
      </c>
      <c r="C12" s="11" t="s">
        <v>11</v>
      </c>
      <c r="D12" s="12" t="s">
        <v>12</v>
      </c>
      <c r="E12" s="13" t="s">
        <v>13</v>
      </c>
      <c r="F12" s="14" t="s">
        <v>14</v>
      </c>
      <c r="G12" s="15"/>
    </row>
    <row r="13" spans="2:7" ht="28.5" customHeight="1" thickBot="1">
      <c r="B13" s="16" t="s">
        <v>15</v>
      </c>
      <c r="C13" s="17" t="s">
        <v>8</v>
      </c>
      <c r="D13" s="18" t="s">
        <v>16</v>
      </c>
      <c r="E13" s="19" t="s">
        <v>17</v>
      </c>
      <c r="F13" s="20" t="s">
        <v>18</v>
      </c>
      <c r="G13" s="9"/>
    </row>
    <row r="14" spans="2:7" ht="24.75" customHeight="1">
      <c r="C14" s="22">
        <v>1</v>
      </c>
      <c r="D14" s="23"/>
      <c r="E14" s="24">
        <v>0.8</v>
      </c>
      <c r="F14" s="24">
        <v>0.7</v>
      </c>
    </row>
    <row r="15" spans="2:7" ht="21" customHeight="1">
      <c r="B15" s="1"/>
      <c r="C15" s="1"/>
      <c r="D15" s="1"/>
      <c r="E15" s="1"/>
    </row>
    <row r="16" spans="2:7">
      <c r="C16" s="25"/>
      <c r="D16" s="25"/>
      <c r="E16" s="25"/>
    </row>
    <row r="17" spans="2:6">
      <c r="B17" s="26" t="s">
        <v>19</v>
      </c>
      <c r="C17" s="25"/>
      <c r="D17" s="25"/>
      <c r="E17" s="25"/>
    </row>
    <row r="18" spans="2:6">
      <c r="B18" s="26"/>
      <c r="C18" s="27" t="s">
        <v>20</v>
      </c>
      <c r="D18" s="25"/>
      <c r="E18" s="25"/>
    </row>
    <row r="19" spans="2:6" ht="39" customHeight="1">
      <c r="C19" s="28" t="s">
        <v>21</v>
      </c>
      <c r="D19" s="28" t="s">
        <v>22</v>
      </c>
      <c r="E19" s="50" t="s">
        <v>54</v>
      </c>
      <c r="F19" s="28" t="s">
        <v>52</v>
      </c>
    </row>
    <row r="20" spans="2:6" ht="75" customHeight="1">
      <c r="C20" s="29" t="s">
        <v>23</v>
      </c>
      <c r="D20" s="29" t="s">
        <v>24</v>
      </c>
      <c r="E20" s="30" t="s">
        <v>53</v>
      </c>
      <c r="F20" s="29" t="s">
        <v>25</v>
      </c>
    </row>
    <row r="21" spans="2:6">
      <c r="C21" s="31" t="s">
        <v>26</v>
      </c>
      <c r="D21" s="32" t="s">
        <v>27</v>
      </c>
      <c r="E21" s="33" t="s">
        <v>28</v>
      </c>
      <c r="F21" s="34" t="s">
        <v>29</v>
      </c>
    </row>
    <row r="22" spans="2:6">
      <c r="C22" s="35" t="s">
        <v>30</v>
      </c>
      <c r="D22" s="36" t="s">
        <v>31</v>
      </c>
      <c r="E22" s="37" t="s">
        <v>32</v>
      </c>
      <c r="F22" s="38"/>
    </row>
    <row r="23" spans="2:6" ht="14.25" customHeight="1">
      <c r="C23" s="35" t="s">
        <v>33</v>
      </c>
      <c r="D23" s="36" t="s">
        <v>34</v>
      </c>
      <c r="E23" s="37" t="s">
        <v>35</v>
      </c>
      <c r="F23" s="36" t="s">
        <v>36</v>
      </c>
    </row>
    <row r="24" spans="2:6" ht="14.25" customHeight="1">
      <c r="C24" s="35" t="s">
        <v>37</v>
      </c>
      <c r="D24" s="36" t="s">
        <v>38</v>
      </c>
      <c r="E24" s="37" t="s">
        <v>39</v>
      </c>
      <c r="F24" s="36" t="s">
        <v>40</v>
      </c>
    </row>
    <row r="25" spans="2:6" ht="14.25" customHeight="1">
      <c r="C25" s="35"/>
      <c r="D25" s="39"/>
      <c r="E25" s="51"/>
      <c r="F25" s="36" t="s">
        <v>41</v>
      </c>
    </row>
    <row r="26" spans="2:6" ht="15.75" customHeight="1">
      <c r="C26" s="35"/>
      <c r="D26" s="39"/>
      <c r="E26" s="51"/>
      <c r="F26" s="36"/>
    </row>
    <row r="27" spans="2:6" ht="15.75" customHeight="1">
      <c r="C27" s="40"/>
      <c r="D27" s="40"/>
      <c r="E27" s="41"/>
      <c r="F27" s="42"/>
    </row>
    <row r="29" spans="2:6">
      <c r="B29" s="26"/>
      <c r="C29" s="27" t="s">
        <v>42</v>
      </c>
      <c r="D29" s="25"/>
      <c r="E29" s="25"/>
    </row>
    <row r="30" spans="2:6" ht="68.25" customHeight="1">
      <c r="C30" s="28" t="s">
        <v>21</v>
      </c>
      <c r="D30" s="28" t="s">
        <v>22</v>
      </c>
      <c r="E30" s="28" t="s">
        <v>43</v>
      </c>
      <c r="F30" s="28" t="s">
        <v>52</v>
      </c>
    </row>
    <row r="31" spans="2:6" ht="75.75" customHeight="1">
      <c r="C31" s="29" t="s">
        <v>23</v>
      </c>
      <c r="D31" s="29" t="s">
        <v>24</v>
      </c>
      <c r="E31" s="30" t="s">
        <v>44</v>
      </c>
      <c r="F31" s="29" t="s">
        <v>25</v>
      </c>
    </row>
    <row r="32" spans="2:6" ht="15" customHeight="1">
      <c r="C32" s="31" t="s">
        <v>26</v>
      </c>
      <c r="D32" s="32" t="s">
        <v>27</v>
      </c>
      <c r="E32" s="33" t="s">
        <v>45</v>
      </c>
      <c r="F32" s="34" t="s">
        <v>29</v>
      </c>
    </row>
    <row r="33" spans="3:6" ht="15" customHeight="1">
      <c r="C33" s="35" t="s">
        <v>30</v>
      </c>
      <c r="D33" s="36" t="s">
        <v>31</v>
      </c>
      <c r="E33" s="37" t="s">
        <v>46</v>
      </c>
      <c r="F33" s="38"/>
    </row>
    <row r="34" spans="3:6" ht="15" customHeight="1">
      <c r="C34" s="35" t="s">
        <v>33</v>
      </c>
      <c r="D34" s="36" t="s">
        <v>34</v>
      </c>
      <c r="E34" s="37" t="s">
        <v>47</v>
      </c>
      <c r="F34" s="36" t="s">
        <v>36</v>
      </c>
    </row>
    <row r="35" spans="3:6" ht="15" customHeight="1">
      <c r="C35" s="35" t="s">
        <v>37</v>
      </c>
      <c r="D35" s="36" t="s">
        <v>38</v>
      </c>
      <c r="E35" s="37" t="s">
        <v>48</v>
      </c>
      <c r="F35" s="36" t="s">
        <v>40</v>
      </c>
    </row>
    <row r="36" spans="3:6" ht="15" customHeight="1">
      <c r="C36" s="35"/>
      <c r="D36" s="39"/>
      <c r="E36" s="43"/>
      <c r="F36" s="36" t="s">
        <v>41</v>
      </c>
    </row>
    <row r="37" spans="3:6" ht="17.25" customHeight="1">
      <c r="C37" s="35"/>
      <c r="D37" s="39"/>
      <c r="E37" s="43"/>
      <c r="F37" s="36"/>
    </row>
    <row r="38" spans="3:6" ht="17.25" customHeight="1">
      <c r="C38" s="40"/>
      <c r="D38" s="40"/>
      <c r="E38" s="41"/>
      <c r="F38" s="42"/>
    </row>
    <row r="39" spans="3:6" ht="18" customHeight="1">
      <c r="C39" s="62"/>
      <c r="D39" s="62"/>
      <c r="E39" s="62"/>
      <c r="F39" s="62"/>
    </row>
    <row r="40" spans="3:6" ht="18" customHeight="1">
      <c r="C40" s="62"/>
      <c r="D40" s="62"/>
      <c r="E40" s="62"/>
      <c r="F40" s="62"/>
    </row>
    <row r="41" spans="3:6" ht="31.5" customHeight="1"/>
    <row r="42" spans="3:6" ht="20.25" customHeight="1">
      <c r="D42" s="44" t="s">
        <v>5</v>
      </c>
      <c r="E42" s="45" t="s">
        <v>49</v>
      </c>
    </row>
    <row r="43" spans="3:6" ht="20.25" customHeight="1">
      <c r="D43" s="46" t="s">
        <v>10</v>
      </c>
      <c r="E43" s="47" t="s">
        <v>50</v>
      </c>
    </row>
    <row r="44" spans="3:6" ht="20.25" customHeight="1">
      <c r="D44" s="44" t="s">
        <v>15</v>
      </c>
      <c r="E44" s="45" t="s">
        <v>51</v>
      </c>
    </row>
    <row r="45" spans="3:6" ht="20.25" customHeight="1">
      <c r="D45" s="48"/>
      <c r="E45" s="49"/>
    </row>
  </sheetData>
  <mergeCells count="6">
    <mergeCell ref="C40:F40"/>
    <mergeCell ref="B2:F2"/>
    <mergeCell ref="B9:B10"/>
    <mergeCell ref="C9:F9"/>
    <mergeCell ref="C10:D10"/>
    <mergeCell ref="C39:F39"/>
  </mergeCells>
  <phoneticPr fontId="3"/>
  <pageMargins left="0.51181102362204722" right="0.31496062992125984" top="0.74803149606299213" bottom="0.15748031496062992" header="0.31496062992125984" footer="0.31496062992125984"/>
  <pageSetup paperSize="9" scale="79" orientation="portrait" r:id="rId1"/>
  <ignoredErrors>
    <ignoredError sqref="C6:F6" numberStoredAsText="1"/>
  </ignoredError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 </vt:lpstr>
      <vt:lpstr>' '!Print_Area</vt:lpstr>
    </vt:vector>
  </TitlesOfParts>
  <LinksUpToDate>false</LinksUpToDate>
  <SharedDoc>false</SharedDoc>
  <HyperlinksChanged>false</HyperlinksChanged>
  <AppVersion>14.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16-11-29T02:15:44Z</dcterms:created>
  <dcterms:modified xsi:type="dcterms:W3CDTF">2016-11-29T02:44:56Z</dcterms:modified>
</cp:coreProperties>
</file>